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ml.chartshap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の推移\R4\HP\"/>
    </mc:Choice>
  </mc:AlternateContent>
  <xr:revisionPtr revIDLastSave="0" documentId="13_ncr:1_{AF65F339-1309-43E4-98B2-37C8B702C592}" xr6:coauthVersionLast="47" xr6:coauthVersionMax="47" xr10:uidLastSave="{00000000-0000-0000-0000-000000000000}"/>
  <bookViews>
    <workbookView xWindow="-108" yWindow="-108" windowWidth="23256" windowHeight="12576" xr2:uid="{34760475-FBCF-4653-817D-6F3B81A6E241}"/>
  </bookViews>
  <sheets>
    <sheet name="２．ピラミッド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" uniqueCount="1">
  <si>
    <t>２．富山市の人口ピラミッド―令和４年９月末現在―</t>
    <rPh sb="2" eb="5">
      <t>トヤマシ</t>
    </rPh>
    <rPh sb="6" eb="8">
      <t>ジンコウ</t>
    </rPh>
    <rPh sb="14" eb="16">
      <t>レイワ</t>
    </rPh>
    <rPh sb="17" eb="18">
      <t>ネン</t>
    </rPh>
    <rPh sb="19" eb="20">
      <t>ガツ</t>
    </rPh>
    <rPh sb="20" eb="21">
      <t>マツ</t>
    </rPh>
    <rPh sb="21" eb="23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name val="ＭＳ 明朝"/>
      <family val="1"/>
      <charset val="128"/>
    </font>
    <font>
      <b/>
      <sz val="16"/>
      <name val="ＭＳ ゴシック"/>
      <family val="3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0" fontId="1" fillId="0" borderId="0" xfId="0" applyFont="1" applyAlignment="1">
      <alignment horizontal="lef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8435569983812495E-2"/>
          <c:y val="1.0230187545112979E-2"/>
          <c:w val="0.76190644909130767"/>
          <c:h val="0.95481750421054468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FFCC00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dPt>
            <c:idx val="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1-0A48-44EE-88FA-E8259D291BE6}"/>
              </c:ext>
            </c:extLst>
          </c:dPt>
          <c:dPt>
            <c:idx val="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3-0A48-44EE-88FA-E8259D291BE6}"/>
              </c:ext>
            </c:extLst>
          </c:dPt>
          <c:dPt>
            <c:idx val="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5-0A48-44EE-88FA-E8259D291BE6}"/>
              </c:ext>
            </c:extLst>
          </c:dPt>
          <c:dPt>
            <c:idx val="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7-0A48-44EE-88FA-E8259D291BE6}"/>
              </c:ext>
            </c:extLst>
          </c:dPt>
          <c:dPt>
            <c:idx val="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9-0A48-44EE-88FA-E8259D291BE6}"/>
              </c:ext>
            </c:extLst>
          </c:dPt>
          <c:dPt>
            <c:idx val="5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B-0A48-44EE-88FA-E8259D291BE6}"/>
              </c:ext>
            </c:extLst>
          </c:dPt>
          <c:dPt>
            <c:idx val="6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D-0A48-44EE-88FA-E8259D291BE6}"/>
              </c:ext>
            </c:extLst>
          </c:dPt>
          <c:dPt>
            <c:idx val="7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F-0A48-44EE-88FA-E8259D291BE6}"/>
              </c:ext>
            </c:extLst>
          </c:dPt>
          <c:dPt>
            <c:idx val="8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0A48-44EE-88FA-E8259D291BE6}"/>
              </c:ext>
            </c:extLst>
          </c:dPt>
          <c:dPt>
            <c:idx val="9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0A48-44EE-88FA-E8259D291BE6}"/>
              </c:ext>
            </c:extLst>
          </c:dPt>
          <c:dPt>
            <c:idx val="1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0A48-44EE-88FA-E8259D291BE6}"/>
              </c:ext>
            </c:extLst>
          </c:dPt>
          <c:dPt>
            <c:idx val="1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0A48-44EE-88FA-E8259D291BE6}"/>
              </c:ext>
            </c:extLst>
          </c:dPt>
          <c:dPt>
            <c:idx val="1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9-0A48-44EE-88FA-E8259D291BE6}"/>
              </c:ext>
            </c:extLst>
          </c:dPt>
          <c:dPt>
            <c:idx val="1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B-0A48-44EE-88FA-E8259D291BE6}"/>
              </c:ext>
            </c:extLst>
          </c:dPt>
          <c:dPt>
            <c:idx val="1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D-0A48-44EE-88FA-E8259D291BE6}"/>
              </c:ext>
            </c:extLst>
          </c:dPt>
          <c:dPt>
            <c:idx val="1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F-0A48-44EE-88FA-E8259D291BE6}"/>
              </c:ext>
            </c:extLst>
          </c:dPt>
          <c:dPt>
            <c:idx val="1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1-0A48-44EE-88FA-E8259D291BE6}"/>
              </c:ext>
            </c:extLst>
          </c:dPt>
          <c:dPt>
            <c:idx val="1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3-0A48-44EE-88FA-E8259D291BE6}"/>
              </c:ext>
            </c:extLst>
          </c:dPt>
          <c:dPt>
            <c:idx val="1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5-0A48-44EE-88FA-E8259D291BE6}"/>
              </c:ext>
            </c:extLst>
          </c:dPt>
          <c:dPt>
            <c:idx val="1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7-0A48-44EE-88FA-E8259D291BE6}"/>
              </c:ext>
            </c:extLst>
          </c:dPt>
          <c:dPt>
            <c:idx val="2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9-0A48-44EE-88FA-E8259D291BE6}"/>
              </c:ext>
            </c:extLst>
          </c:dPt>
          <c:dPt>
            <c:idx val="2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B-0A48-44EE-88FA-E8259D291BE6}"/>
              </c:ext>
            </c:extLst>
          </c:dPt>
          <c:dPt>
            <c:idx val="2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D-0A48-44EE-88FA-E8259D291BE6}"/>
              </c:ext>
            </c:extLst>
          </c:dPt>
          <c:dPt>
            <c:idx val="2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F-0A48-44EE-88FA-E8259D291BE6}"/>
              </c:ext>
            </c:extLst>
          </c:dPt>
          <c:dPt>
            <c:idx val="2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1-0A48-44EE-88FA-E8259D291BE6}"/>
              </c:ext>
            </c:extLst>
          </c:dPt>
          <c:dPt>
            <c:idx val="2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3-0A48-44EE-88FA-E8259D291BE6}"/>
              </c:ext>
            </c:extLst>
          </c:dPt>
          <c:dPt>
            <c:idx val="2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5-0A48-44EE-88FA-E8259D291BE6}"/>
              </c:ext>
            </c:extLst>
          </c:dPt>
          <c:dPt>
            <c:idx val="2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7-0A48-44EE-88FA-E8259D291BE6}"/>
              </c:ext>
            </c:extLst>
          </c:dPt>
          <c:dPt>
            <c:idx val="2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9-0A48-44EE-88FA-E8259D291BE6}"/>
              </c:ext>
            </c:extLst>
          </c:dPt>
          <c:dPt>
            <c:idx val="2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B-0A48-44EE-88FA-E8259D291BE6}"/>
              </c:ext>
            </c:extLst>
          </c:dPt>
          <c:dPt>
            <c:idx val="3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D-0A48-44EE-88FA-E8259D291BE6}"/>
              </c:ext>
            </c:extLst>
          </c:dPt>
          <c:dPt>
            <c:idx val="3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F-0A48-44EE-88FA-E8259D291BE6}"/>
              </c:ext>
            </c:extLst>
          </c:dPt>
          <c:dPt>
            <c:idx val="3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1-0A48-44EE-88FA-E8259D291BE6}"/>
              </c:ext>
            </c:extLst>
          </c:dPt>
          <c:dPt>
            <c:idx val="3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3-0A48-44EE-88FA-E8259D291BE6}"/>
              </c:ext>
            </c:extLst>
          </c:dPt>
          <c:dPt>
            <c:idx val="3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5-0A48-44EE-88FA-E8259D291BE6}"/>
              </c:ext>
            </c:extLst>
          </c:dPt>
          <c:dPt>
            <c:idx val="3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7-0A48-44EE-88FA-E8259D291BE6}"/>
              </c:ext>
            </c:extLst>
          </c:dPt>
          <c:dPt>
            <c:idx val="3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9-0A48-44EE-88FA-E8259D291BE6}"/>
              </c:ext>
            </c:extLst>
          </c:dPt>
          <c:dPt>
            <c:idx val="3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B-0A48-44EE-88FA-E8259D291BE6}"/>
              </c:ext>
            </c:extLst>
          </c:dPt>
          <c:dPt>
            <c:idx val="3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D-0A48-44EE-88FA-E8259D291BE6}"/>
              </c:ext>
            </c:extLst>
          </c:dPt>
          <c:dPt>
            <c:idx val="3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F-0A48-44EE-88FA-E8259D291BE6}"/>
              </c:ext>
            </c:extLst>
          </c:dPt>
          <c:dPt>
            <c:idx val="4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1-0A48-44EE-88FA-E8259D291BE6}"/>
              </c:ext>
            </c:extLst>
          </c:dPt>
          <c:dPt>
            <c:idx val="4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3-0A48-44EE-88FA-E8259D291BE6}"/>
              </c:ext>
            </c:extLst>
          </c:dPt>
          <c:dPt>
            <c:idx val="4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5-0A48-44EE-88FA-E8259D291BE6}"/>
              </c:ext>
            </c:extLst>
          </c:dPt>
          <c:dPt>
            <c:idx val="4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7-0A48-44EE-88FA-E8259D291BE6}"/>
              </c:ext>
            </c:extLst>
          </c:dPt>
          <c:dPt>
            <c:idx val="4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9-0A48-44EE-88FA-E8259D291BE6}"/>
              </c:ext>
            </c:extLst>
          </c:dPt>
          <c:dPt>
            <c:idx val="4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B-0A48-44EE-88FA-E8259D291BE6}"/>
              </c:ext>
            </c:extLst>
          </c:dPt>
          <c:dPt>
            <c:idx val="4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D-0A48-44EE-88FA-E8259D291BE6}"/>
              </c:ext>
            </c:extLst>
          </c:dPt>
          <c:dPt>
            <c:idx val="4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F-0A48-44EE-88FA-E8259D291BE6}"/>
              </c:ext>
            </c:extLst>
          </c:dPt>
          <c:dPt>
            <c:idx val="4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1-0A48-44EE-88FA-E8259D291BE6}"/>
              </c:ext>
            </c:extLst>
          </c:dPt>
          <c:dPt>
            <c:idx val="4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3-0A48-44EE-88FA-E8259D291BE6}"/>
              </c:ext>
            </c:extLst>
          </c:dPt>
          <c:dPt>
            <c:idx val="5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5-0A48-44EE-88FA-E8259D291BE6}"/>
              </c:ext>
            </c:extLst>
          </c:dPt>
          <c:dPt>
            <c:idx val="5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7-0A48-44EE-88FA-E8259D291BE6}"/>
              </c:ext>
            </c:extLst>
          </c:dPt>
          <c:dPt>
            <c:idx val="5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9-0A48-44EE-88FA-E8259D291BE6}"/>
              </c:ext>
            </c:extLst>
          </c:dPt>
          <c:dPt>
            <c:idx val="5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B-0A48-44EE-88FA-E8259D291BE6}"/>
              </c:ext>
            </c:extLst>
          </c:dPt>
          <c:dPt>
            <c:idx val="5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D-0A48-44EE-88FA-E8259D291BE6}"/>
              </c:ext>
            </c:extLst>
          </c:dPt>
          <c:dPt>
            <c:idx val="5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F-0A48-44EE-88FA-E8259D291BE6}"/>
              </c:ext>
            </c:extLst>
          </c:dPt>
          <c:dPt>
            <c:idx val="5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1-0A48-44EE-88FA-E8259D291BE6}"/>
              </c:ext>
            </c:extLst>
          </c:dPt>
          <c:dPt>
            <c:idx val="5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3-0A48-44EE-88FA-E8259D291BE6}"/>
              </c:ext>
            </c:extLst>
          </c:dPt>
          <c:dPt>
            <c:idx val="5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5-0A48-44EE-88FA-E8259D291BE6}"/>
              </c:ext>
            </c:extLst>
          </c:dPt>
          <c:dPt>
            <c:idx val="5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7-0A48-44EE-88FA-E8259D291BE6}"/>
              </c:ext>
            </c:extLst>
          </c:dPt>
          <c:dPt>
            <c:idx val="6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9-0A48-44EE-88FA-E8259D291BE6}"/>
              </c:ext>
            </c:extLst>
          </c:dPt>
          <c:dPt>
            <c:idx val="6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B-0A48-44EE-88FA-E8259D291BE6}"/>
              </c:ext>
            </c:extLst>
          </c:dPt>
          <c:dPt>
            <c:idx val="6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D-0A48-44EE-88FA-E8259D291BE6}"/>
              </c:ext>
            </c:extLst>
          </c:dPt>
          <c:dPt>
            <c:idx val="6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F-0A48-44EE-88FA-E8259D291BE6}"/>
              </c:ext>
            </c:extLst>
          </c:dPt>
          <c:dPt>
            <c:idx val="6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1-0A48-44EE-88FA-E8259D291BE6}"/>
              </c:ext>
            </c:extLst>
          </c:dPt>
          <c:dPt>
            <c:idx val="6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3-0A48-44EE-88FA-E8259D291BE6}"/>
              </c:ext>
            </c:extLst>
          </c:dPt>
          <c:dPt>
            <c:idx val="6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5-0A48-44EE-88FA-E8259D291BE6}"/>
              </c:ext>
            </c:extLst>
          </c:dPt>
          <c:dPt>
            <c:idx val="6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7-0A48-44EE-88FA-E8259D291BE6}"/>
              </c:ext>
            </c:extLst>
          </c:dPt>
          <c:dPt>
            <c:idx val="6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9-0A48-44EE-88FA-E8259D291BE6}"/>
              </c:ext>
            </c:extLst>
          </c:dPt>
          <c:dPt>
            <c:idx val="6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B-0A48-44EE-88FA-E8259D291BE6}"/>
              </c:ext>
            </c:extLst>
          </c:dPt>
          <c:dPt>
            <c:idx val="7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D-0A48-44EE-88FA-E8259D291BE6}"/>
              </c:ext>
            </c:extLst>
          </c:dPt>
          <c:dPt>
            <c:idx val="7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F-0A48-44EE-88FA-E8259D291BE6}"/>
              </c:ext>
            </c:extLst>
          </c:dPt>
          <c:dPt>
            <c:idx val="72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1-0A48-44EE-88FA-E8259D291BE6}"/>
              </c:ext>
            </c:extLst>
          </c:dPt>
          <c:dPt>
            <c:idx val="73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3-0A48-44EE-88FA-E8259D291BE6}"/>
              </c:ext>
            </c:extLst>
          </c:dPt>
          <c:dPt>
            <c:idx val="74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5-0A48-44EE-88FA-E8259D291BE6}"/>
              </c:ext>
            </c:extLst>
          </c:dPt>
          <c:dPt>
            <c:idx val="7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7-0A48-44EE-88FA-E8259D291BE6}"/>
              </c:ext>
            </c:extLst>
          </c:dPt>
          <c:dPt>
            <c:idx val="7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9-0A48-44EE-88FA-E8259D291BE6}"/>
              </c:ext>
            </c:extLst>
          </c:dPt>
          <c:dPt>
            <c:idx val="7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B-0A48-44EE-88FA-E8259D291BE6}"/>
              </c:ext>
            </c:extLst>
          </c:dPt>
          <c:dPt>
            <c:idx val="7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D-0A48-44EE-88FA-E8259D291BE6}"/>
              </c:ext>
            </c:extLst>
          </c:dPt>
          <c:dPt>
            <c:idx val="7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9F-0A48-44EE-88FA-E8259D291BE6}"/>
              </c:ext>
            </c:extLst>
          </c:dPt>
          <c:dPt>
            <c:idx val="8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1-0A48-44EE-88FA-E8259D291BE6}"/>
              </c:ext>
            </c:extLst>
          </c:dPt>
          <c:dPt>
            <c:idx val="8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3-0A48-44EE-88FA-E8259D291BE6}"/>
              </c:ext>
            </c:extLst>
          </c:dPt>
          <c:dPt>
            <c:idx val="82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5-0A48-44EE-88FA-E8259D291BE6}"/>
              </c:ext>
            </c:extLst>
          </c:dPt>
          <c:dPt>
            <c:idx val="83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7-0A48-44EE-88FA-E8259D291BE6}"/>
              </c:ext>
            </c:extLst>
          </c:dPt>
          <c:dPt>
            <c:idx val="84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9-0A48-44EE-88FA-E8259D291BE6}"/>
              </c:ext>
            </c:extLst>
          </c:dPt>
          <c:dPt>
            <c:idx val="8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B-0A48-44EE-88FA-E8259D291BE6}"/>
              </c:ext>
            </c:extLst>
          </c:dPt>
          <c:dPt>
            <c:idx val="8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D-0A48-44EE-88FA-E8259D291BE6}"/>
              </c:ext>
            </c:extLst>
          </c:dPt>
          <c:dPt>
            <c:idx val="8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AF-0A48-44EE-88FA-E8259D291BE6}"/>
              </c:ext>
            </c:extLst>
          </c:dPt>
          <c:dPt>
            <c:idx val="8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1-0A48-44EE-88FA-E8259D291BE6}"/>
              </c:ext>
            </c:extLst>
          </c:dPt>
          <c:dPt>
            <c:idx val="8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3-0A48-44EE-88FA-E8259D291BE6}"/>
              </c:ext>
            </c:extLst>
          </c:dPt>
          <c:dPt>
            <c:idx val="9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5-0A48-44EE-88FA-E8259D291BE6}"/>
              </c:ext>
            </c:extLst>
          </c:dPt>
          <c:dPt>
            <c:idx val="9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7-0A48-44EE-88FA-E8259D291BE6}"/>
              </c:ext>
            </c:extLst>
          </c:dPt>
          <c:dPt>
            <c:idx val="92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9-0A48-44EE-88FA-E8259D291BE6}"/>
              </c:ext>
            </c:extLst>
          </c:dPt>
          <c:dPt>
            <c:idx val="93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B-0A48-44EE-88FA-E8259D291BE6}"/>
              </c:ext>
            </c:extLst>
          </c:dPt>
          <c:dPt>
            <c:idx val="94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D-0A48-44EE-88FA-E8259D291BE6}"/>
              </c:ext>
            </c:extLst>
          </c:dPt>
          <c:dPt>
            <c:idx val="95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BF-0A48-44EE-88FA-E8259D291BE6}"/>
              </c:ext>
            </c:extLst>
          </c:dPt>
          <c:dPt>
            <c:idx val="96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1-0A48-44EE-88FA-E8259D291BE6}"/>
              </c:ext>
            </c:extLst>
          </c:dPt>
          <c:dPt>
            <c:idx val="97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3-0A48-44EE-88FA-E8259D291BE6}"/>
              </c:ext>
            </c:extLst>
          </c:dPt>
          <c:dPt>
            <c:idx val="98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5-0A48-44EE-88FA-E8259D291BE6}"/>
              </c:ext>
            </c:extLst>
          </c:dPt>
          <c:dPt>
            <c:idx val="99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7-0A48-44EE-88FA-E8259D291BE6}"/>
              </c:ext>
            </c:extLst>
          </c:dPt>
          <c:dPt>
            <c:idx val="100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9-0A48-44EE-88FA-E8259D291BE6}"/>
              </c:ext>
            </c:extLst>
          </c:dPt>
          <c:dPt>
            <c:idx val="101"/>
            <c:invertIfNegative val="0"/>
            <c:bubble3D val="0"/>
            <c:spPr>
              <a:solidFill>
                <a:srgbClr val="CCFFCC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CB-0A48-44EE-88FA-E8259D291BE6}"/>
              </c:ext>
            </c:extLst>
          </c:dPt>
          <c:cat>
            <c:strRef>
              <c:f>[1]ピラミッドのデータ!$C$3:$C$104</c:f>
              <c:strCache>
                <c:ptCount val="102"/>
                <c:pt idx="0">
                  <c:v>   　0</c:v>
                </c:pt>
                <c:pt idx="1">
                  <c:v>   　1</c:v>
                </c:pt>
                <c:pt idx="2">
                  <c:v>   　2</c:v>
                </c:pt>
                <c:pt idx="3">
                  <c:v>   　3</c:v>
                </c:pt>
                <c:pt idx="4">
                  <c:v>   　4</c:v>
                </c:pt>
                <c:pt idx="5">
                  <c:v>   　5</c:v>
                </c:pt>
                <c:pt idx="6">
                  <c:v>   　6</c:v>
                </c:pt>
                <c:pt idx="7">
                  <c:v>   　7</c:v>
                </c:pt>
                <c:pt idx="8">
                  <c:v>   　8</c:v>
                </c:pt>
                <c:pt idx="9">
                  <c:v>   　9</c:v>
                </c:pt>
                <c:pt idx="10">
                  <c:v>  　10</c:v>
                </c:pt>
                <c:pt idx="11">
                  <c:v>  　11</c:v>
                </c:pt>
                <c:pt idx="12">
                  <c:v>  　12</c:v>
                </c:pt>
                <c:pt idx="13">
                  <c:v>  　13</c:v>
                </c:pt>
                <c:pt idx="14">
                  <c:v>  　14</c:v>
                </c:pt>
                <c:pt idx="15">
                  <c:v>  　15</c:v>
                </c:pt>
                <c:pt idx="16">
                  <c:v>  　16</c:v>
                </c:pt>
                <c:pt idx="17">
                  <c:v>  　17</c:v>
                </c:pt>
                <c:pt idx="18">
                  <c:v>  　18</c:v>
                </c:pt>
                <c:pt idx="19">
                  <c:v>  　19</c:v>
                </c:pt>
                <c:pt idx="20">
                  <c:v>  　20</c:v>
                </c:pt>
                <c:pt idx="21">
                  <c:v>  　21</c:v>
                </c:pt>
                <c:pt idx="22">
                  <c:v>  　22</c:v>
                </c:pt>
                <c:pt idx="23">
                  <c:v>  　23</c:v>
                </c:pt>
                <c:pt idx="24">
                  <c:v>  　24</c:v>
                </c:pt>
                <c:pt idx="25">
                  <c:v>  　25</c:v>
                </c:pt>
                <c:pt idx="26">
                  <c:v>  　26</c:v>
                </c:pt>
                <c:pt idx="27">
                  <c:v>  　27</c:v>
                </c:pt>
                <c:pt idx="28">
                  <c:v>  　28</c:v>
                </c:pt>
                <c:pt idx="29">
                  <c:v>  　29</c:v>
                </c:pt>
                <c:pt idx="30">
                  <c:v>  　30</c:v>
                </c:pt>
                <c:pt idx="31">
                  <c:v>  　31</c:v>
                </c:pt>
                <c:pt idx="32">
                  <c:v>  　32</c:v>
                </c:pt>
                <c:pt idx="33">
                  <c:v>  　33</c:v>
                </c:pt>
                <c:pt idx="34">
                  <c:v>  　34</c:v>
                </c:pt>
                <c:pt idx="35">
                  <c:v>  　35</c:v>
                </c:pt>
                <c:pt idx="36">
                  <c:v>  　36</c:v>
                </c:pt>
                <c:pt idx="37">
                  <c:v>  　37</c:v>
                </c:pt>
                <c:pt idx="38">
                  <c:v>  　38</c:v>
                </c:pt>
                <c:pt idx="39">
                  <c:v>  　39</c:v>
                </c:pt>
                <c:pt idx="40">
                  <c:v>  　40</c:v>
                </c:pt>
                <c:pt idx="41">
                  <c:v>  　41</c:v>
                </c:pt>
                <c:pt idx="42">
                  <c:v>  　42</c:v>
                </c:pt>
                <c:pt idx="43">
                  <c:v>  　43</c:v>
                </c:pt>
                <c:pt idx="44">
                  <c:v>  　44</c:v>
                </c:pt>
                <c:pt idx="45">
                  <c:v>  　45</c:v>
                </c:pt>
                <c:pt idx="46">
                  <c:v>  　46</c:v>
                </c:pt>
                <c:pt idx="47">
                  <c:v>  　47</c:v>
                </c:pt>
                <c:pt idx="48">
                  <c:v>  　48</c:v>
                </c:pt>
                <c:pt idx="49">
                  <c:v>  　49</c:v>
                </c:pt>
                <c:pt idx="50">
                  <c:v>  　50</c:v>
                </c:pt>
                <c:pt idx="51">
                  <c:v>  　51</c:v>
                </c:pt>
                <c:pt idx="52">
                  <c:v>  　52</c:v>
                </c:pt>
                <c:pt idx="53">
                  <c:v>  　53</c:v>
                </c:pt>
                <c:pt idx="54">
                  <c:v>  　54</c:v>
                </c:pt>
                <c:pt idx="55">
                  <c:v>  　55</c:v>
                </c:pt>
                <c:pt idx="56">
                  <c:v>  　56</c:v>
                </c:pt>
                <c:pt idx="57">
                  <c:v>  　57</c:v>
                </c:pt>
                <c:pt idx="58">
                  <c:v>  　58</c:v>
                </c:pt>
                <c:pt idx="59">
                  <c:v>  　59</c:v>
                </c:pt>
                <c:pt idx="60">
                  <c:v>  　60</c:v>
                </c:pt>
                <c:pt idx="61">
                  <c:v>  　61</c:v>
                </c:pt>
                <c:pt idx="62">
                  <c:v>  　62</c:v>
                </c:pt>
                <c:pt idx="63">
                  <c:v>  　63</c:v>
                </c:pt>
                <c:pt idx="64">
                  <c:v>  　64</c:v>
                </c:pt>
                <c:pt idx="65">
                  <c:v>  　65</c:v>
                </c:pt>
                <c:pt idx="66">
                  <c:v>  　66</c:v>
                </c:pt>
                <c:pt idx="67">
                  <c:v>  　67</c:v>
                </c:pt>
                <c:pt idx="68">
                  <c:v>  　68</c:v>
                </c:pt>
                <c:pt idx="69">
                  <c:v>  　69</c:v>
                </c:pt>
                <c:pt idx="70">
                  <c:v>  　70</c:v>
                </c:pt>
                <c:pt idx="71">
                  <c:v>  　71</c:v>
                </c:pt>
                <c:pt idx="72">
                  <c:v>  　72</c:v>
                </c:pt>
                <c:pt idx="73">
                  <c:v>  　73</c:v>
                </c:pt>
                <c:pt idx="74">
                  <c:v>  　74</c:v>
                </c:pt>
                <c:pt idx="75">
                  <c:v>  　75</c:v>
                </c:pt>
                <c:pt idx="76">
                  <c:v>  　76</c:v>
                </c:pt>
                <c:pt idx="77">
                  <c:v>  　77</c:v>
                </c:pt>
                <c:pt idx="78">
                  <c:v>  　78</c:v>
                </c:pt>
                <c:pt idx="79">
                  <c:v>  　79</c:v>
                </c:pt>
                <c:pt idx="80">
                  <c:v>  　80</c:v>
                </c:pt>
                <c:pt idx="81">
                  <c:v>  　81</c:v>
                </c:pt>
                <c:pt idx="82">
                  <c:v>  　82</c:v>
                </c:pt>
                <c:pt idx="83">
                  <c:v>  　83</c:v>
                </c:pt>
                <c:pt idx="84">
                  <c:v>  　84</c:v>
                </c:pt>
                <c:pt idx="85">
                  <c:v>  　85</c:v>
                </c:pt>
                <c:pt idx="86">
                  <c:v>  　86</c:v>
                </c:pt>
                <c:pt idx="87">
                  <c:v>  　87</c:v>
                </c:pt>
                <c:pt idx="88">
                  <c:v>  　88</c:v>
                </c:pt>
                <c:pt idx="89">
                  <c:v>  　89</c:v>
                </c:pt>
                <c:pt idx="90">
                  <c:v>  　90</c:v>
                </c:pt>
                <c:pt idx="91">
                  <c:v>  　91</c:v>
                </c:pt>
                <c:pt idx="92">
                  <c:v>  　92</c:v>
                </c:pt>
                <c:pt idx="93">
                  <c:v>  　93</c:v>
                </c:pt>
                <c:pt idx="94">
                  <c:v>  　94</c:v>
                </c:pt>
                <c:pt idx="95">
                  <c:v>  　95</c:v>
                </c:pt>
                <c:pt idx="96">
                  <c:v>  　96</c:v>
                </c:pt>
                <c:pt idx="97">
                  <c:v>  　97</c:v>
                </c:pt>
                <c:pt idx="98">
                  <c:v>  　98</c:v>
                </c:pt>
                <c:pt idx="99">
                  <c:v>  　99</c:v>
                </c:pt>
                <c:pt idx="100">
                  <c:v>   100</c:v>
                </c:pt>
                <c:pt idx="101">
                  <c:v>   101-</c:v>
                </c:pt>
              </c:strCache>
            </c:strRef>
          </c:cat>
          <c:val>
            <c:numRef>
              <c:f>[1]ピラミッドのデータ!$D$3:$D$105</c:f>
              <c:numCache>
                <c:formatCode>#,##0</c:formatCode>
                <c:ptCount val="103"/>
                <c:pt idx="0">
                  <c:v>-1315</c:v>
                </c:pt>
                <c:pt idx="1">
                  <c:v>-1353</c:v>
                </c:pt>
                <c:pt idx="2">
                  <c:v>-1441</c:v>
                </c:pt>
                <c:pt idx="3">
                  <c:v>-1505</c:v>
                </c:pt>
                <c:pt idx="4">
                  <c:v>-1538</c:v>
                </c:pt>
                <c:pt idx="5">
                  <c:v>-1571</c:v>
                </c:pt>
                <c:pt idx="6">
                  <c:v>-1663</c:v>
                </c:pt>
                <c:pt idx="7">
                  <c:v>-1656</c:v>
                </c:pt>
                <c:pt idx="8">
                  <c:v>-1582</c:v>
                </c:pt>
                <c:pt idx="9">
                  <c:v>-1666</c:v>
                </c:pt>
                <c:pt idx="10">
                  <c:v>-1725</c:v>
                </c:pt>
                <c:pt idx="11">
                  <c:v>-1773</c:v>
                </c:pt>
                <c:pt idx="12">
                  <c:v>-1788</c:v>
                </c:pt>
                <c:pt idx="13">
                  <c:v>-1784</c:v>
                </c:pt>
                <c:pt idx="14">
                  <c:v>-1848</c:v>
                </c:pt>
                <c:pt idx="15">
                  <c:v>-1789</c:v>
                </c:pt>
                <c:pt idx="16">
                  <c:v>-1865</c:v>
                </c:pt>
                <c:pt idx="17">
                  <c:v>-1912</c:v>
                </c:pt>
                <c:pt idx="18">
                  <c:v>-1934</c:v>
                </c:pt>
                <c:pt idx="19">
                  <c:v>-1928</c:v>
                </c:pt>
                <c:pt idx="20">
                  <c:v>-2150</c:v>
                </c:pt>
                <c:pt idx="21">
                  <c:v>-2118</c:v>
                </c:pt>
                <c:pt idx="22">
                  <c:v>-2202</c:v>
                </c:pt>
                <c:pt idx="23">
                  <c:v>-2146</c:v>
                </c:pt>
                <c:pt idx="24">
                  <c:v>-2262</c:v>
                </c:pt>
                <c:pt idx="25">
                  <c:v>-2131</c:v>
                </c:pt>
                <c:pt idx="26">
                  <c:v>-2237</c:v>
                </c:pt>
                <c:pt idx="27">
                  <c:v>-2216</c:v>
                </c:pt>
                <c:pt idx="28">
                  <c:v>-2136</c:v>
                </c:pt>
                <c:pt idx="29">
                  <c:v>-2056</c:v>
                </c:pt>
                <c:pt idx="30">
                  <c:v>-1971</c:v>
                </c:pt>
                <c:pt idx="31">
                  <c:v>-2039</c:v>
                </c:pt>
                <c:pt idx="32">
                  <c:v>-2128</c:v>
                </c:pt>
                <c:pt idx="33">
                  <c:v>-2184</c:v>
                </c:pt>
                <c:pt idx="34">
                  <c:v>-2171</c:v>
                </c:pt>
                <c:pt idx="35">
                  <c:v>-2148</c:v>
                </c:pt>
                <c:pt idx="36">
                  <c:v>-2282</c:v>
                </c:pt>
                <c:pt idx="37">
                  <c:v>-2387</c:v>
                </c:pt>
                <c:pt idx="38">
                  <c:v>-2455</c:v>
                </c:pt>
                <c:pt idx="39">
                  <c:v>-2449</c:v>
                </c:pt>
                <c:pt idx="40">
                  <c:v>-2494</c:v>
                </c:pt>
                <c:pt idx="41">
                  <c:v>-2406</c:v>
                </c:pt>
                <c:pt idx="42">
                  <c:v>-2568</c:v>
                </c:pt>
                <c:pt idx="43">
                  <c:v>-2647</c:v>
                </c:pt>
                <c:pt idx="44">
                  <c:v>-2993</c:v>
                </c:pt>
                <c:pt idx="45">
                  <c:v>-2952</c:v>
                </c:pt>
                <c:pt idx="46">
                  <c:v>-3164</c:v>
                </c:pt>
                <c:pt idx="47">
                  <c:v>-3309</c:v>
                </c:pt>
                <c:pt idx="48">
                  <c:v>-3501</c:v>
                </c:pt>
                <c:pt idx="49">
                  <c:v>-3544</c:v>
                </c:pt>
                <c:pt idx="50">
                  <c:v>-3518</c:v>
                </c:pt>
                <c:pt idx="51">
                  <c:v>-3281</c:v>
                </c:pt>
                <c:pt idx="52">
                  <c:v>-3167</c:v>
                </c:pt>
                <c:pt idx="53">
                  <c:v>-3172</c:v>
                </c:pt>
                <c:pt idx="54">
                  <c:v>-2886</c:v>
                </c:pt>
                <c:pt idx="55">
                  <c:v>-2865</c:v>
                </c:pt>
                <c:pt idx="56">
                  <c:v>-2134</c:v>
                </c:pt>
                <c:pt idx="57">
                  <c:v>-2631</c:v>
                </c:pt>
                <c:pt idx="58">
                  <c:v>-2544</c:v>
                </c:pt>
                <c:pt idx="59">
                  <c:v>-2558</c:v>
                </c:pt>
                <c:pt idx="60">
                  <c:v>-2274</c:v>
                </c:pt>
                <c:pt idx="61">
                  <c:v>-2279</c:v>
                </c:pt>
                <c:pt idx="62">
                  <c:v>-2369</c:v>
                </c:pt>
                <c:pt idx="63">
                  <c:v>-2297</c:v>
                </c:pt>
                <c:pt idx="64">
                  <c:v>-2223</c:v>
                </c:pt>
                <c:pt idx="65">
                  <c:v>-2194</c:v>
                </c:pt>
                <c:pt idx="66">
                  <c:v>-2248</c:v>
                </c:pt>
                <c:pt idx="67">
                  <c:v>-2467</c:v>
                </c:pt>
                <c:pt idx="68">
                  <c:v>-2391</c:v>
                </c:pt>
                <c:pt idx="69">
                  <c:v>-2559</c:v>
                </c:pt>
                <c:pt idx="70">
                  <c:v>-2561</c:v>
                </c:pt>
                <c:pt idx="71">
                  <c:v>-2620</c:v>
                </c:pt>
                <c:pt idx="72">
                  <c:v>-2955</c:v>
                </c:pt>
                <c:pt idx="73">
                  <c:v>-3311</c:v>
                </c:pt>
                <c:pt idx="74">
                  <c:v>-3268</c:v>
                </c:pt>
                <c:pt idx="75">
                  <c:v>-3351</c:v>
                </c:pt>
                <c:pt idx="76">
                  <c:v>-1694</c:v>
                </c:pt>
                <c:pt idx="77">
                  <c:v>-1792</c:v>
                </c:pt>
                <c:pt idx="78">
                  <c:v>-2242</c:v>
                </c:pt>
                <c:pt idx="79">
                  <c:v>-2027</c:v>
                </c:pt>
                <c:pt idx="80">
                  <c:v>-2133</c:v>
                </c:pt>
                <c:pt idx="81">
                  <c:v>-1857</c:v>
                </c:pt>
                <c:pt idx="82">
                  <c:v>-1599</c:v>
                </c:pt>
                <c:pt idx="83">
                  <c:v>-1255</c:v>
                </c:pt>
                <c:pt idx="84">
                  <c:v>-1211</c:v>
                </c:pt>
                <c:pt idx="85">
                  <c:v>-1185</c:v>
                </c:pt>
                <c:pt idx="86">
                  <c:v>-1112</c:v>
                </c:pt>
                <c:pt idx="87">
                  <c:v>-884</c:v>
                </c:pt>
                <c:pt idx="88">
                  <c:v>-819</c:v>
                </c:pt>
                <c:pt idx="89">
                  <c:v>-667</c:v>
                </c:pt>
                <c:pt idx="90">
                  <c:v>-496</c:v>
                </c:pt>
                <c:pt idx="91">
                  <c:v>-446</c:v>
                </c:pt>
                <c:pt idx="92">
                  <c:v>-346</c:v>
                </c:pt>
                <c:pt idx="93">
                  <c:v>-258</c:v>
                </c:pt>
                <c:pt idx="94">
                  <c:v>-220</c:v>
                </c:pt>
                <c:pt idx="95">
                  <c:v>-153</c:v>
                </c:pt>
                <c:pt idx="96">
                  <c:v>-117</c:v>
                </c:pt>
                <c:pt idx="97">
                  <c:v>-59</c:v>
                </c:pt>
                <c:pt idx="98">
                  <c:v>-53</c:v>
                </c:pt>
                <c:pt idx="99">
                  <c:v>-26</c:v>
                </c:pt>
                <c:pt idx="100">
                  <c:v>-18</c:v>
                </c:pt>
                <c:pt idx="101">
                  <c:v>-20</c:v>
                </c:pt>
                <c:pt idx="102" formatCode="#,##0_ 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CC-0A48-44EE-88FA-E8259D291BE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overlap val="100"/>
        <c:axId val="161550088"/>
        <c:axId val="161550872"/>
      </c:barChart>
      <c:catAx>
        <c:axId val="161550088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@" sourceLinked="0"/>
        <c:majorTickMark val="none"/>
        <c:minorTickMark val="none"/>
        <c:tickLblPos val="high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161550872"/>
        <c:crosses val="autoZero"/>
        <c:auto val="0"/>
        <c:lblAlgn val="ctr"/>
        <c:lblOffset val="100"/>
        <c:tickLblSkip val="10"/>
        <c:tickMarkSkip val="10"/>
        <c:noMultiLvlLbl val="0"/>
      </c:catAx>
      <c:valAx>
        <c:axId val="161550872"/>
        <c:scaling>
          <c:orientation val="minMax"/>
          <c:min val="-5000"/>
        </c:scaling>
        <c:delete val="0"/>
        <c:axPos val="b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#,##0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161550088"/>
        <c:crosses val="autoZero"/>
        <c:crossBetween val="between"/>
        <c:majorUnit val="1000"/>
      </c:valAx>
      <c:spPr>
        <a:solidFill>
          <a:srgbClr val="CCCCFF"/>
        </a:solidFill>
        <a:ln w="3175">
          <a:solidFill>
            <a:srgbClr val="FFFF99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>
      <c:oddHeader>&amp;A</c:oddHeader>
      <c:oddFooter>Page &amp;P</c:oddFooter>
    </c:headerFooter>
    <c:pageMargins b="1" l="0.75" r="0.75" t="1" header="0.5" footer="0.5"/>
    <c:pageSetup paperSize="12" orientation="portrait" horizontalDpi="300" verticalDpi="300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6.9825436408977551E-2"/>
          <c:y val="9.3776719163535648E-3"/>
          <c:w val="0.82294264339152123"/>
          <c:h val="0.95396498858178536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dPt>
            <c:idx val="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1-80A0-4345-A612-4A44D957F9FA}"/>
              </c:ext>
            </c:extLst>
          </c:dPt>
          <c:dPt>
            <c:idx val="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3-80A0-4345-A612-4A44D957F9FA}"/>
              </c:ext>
            </c:extLst>
          </c:dPt>
          <c:dPt>
            <c:idx val="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5-80A0-4345-A612-4A44D957F9FA}"/>
              </c:ext>
            </c:extLst>
          </c:dPt>
          <c:dPt>
            <c:idx val="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7-80A0-4345-A612-4A44D957F9FA}"/>
              </c:ext>
            </c:extLst>
          </c:dPt>
          <c:dPt>
            <c:idx val="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9-80A0-4345-A612-4A44D957F9FA}"/>
              </c:ext>
            </c:extLst>
          </c:dPt>
          <c:dPt>
            <c:idx val="5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B-80A0-4345-A612-4A44D957F9FA}"/>
              </c:ext>
            </c:extLst>
          </c:dPt>
          <c:dPt>
            <c:idx val="6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D-80A0-4345-A612-4A44D957F9FA}"/>
              </c:ext>
            </c:extLst>
          </c:dPt>
          <c:dPt>
            <c:idx val="7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F-80A0-4345-A612-4A44D957F9FA}"/>
              </c:ext>
            </c:extLst>
          </c:dPt>
          <c:dPt>
            <c:idx val="8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80A0-4345-A612-4A44D957F9FA}"/>
              </c:ext>
            </c:extLst>
          </c:dPt>
          <c:dPt>
            <c:idx val="9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80A0-4345-A612-4A44D957F9FA}"/>
              </c:ext>
            </c:extLst>
          </c:dPt>
          <c:dPt>
            <c:idx val="10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80A0-4345-A612-4A44D957F9FA}"/>
              </c:ext>
            </c:extLst>
          </c:dPt>
          <c:dPt>
            <c:idx val="11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80A0-4345-A612-4A44D957F9FA}"/>
              </c:ext>
            </c:extLst>
          </c:dPt>
          <c:dPt>
            <c:idx val="12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9-80A0-4345-A612-4A44D957F9FA}"/>
              </c:ext>
            </c:extLst>
          </c:dPt>
          <c:dPt>
            <c:idx val="13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B-80A0-4345-A612-4A44D957F9FA}"/>
              </c:ext>
            </c:extLst>
          </c:dPt>
          <c:dPt>
            <c:idx val="14"/>
            <c:invertIfNegative val="0"/>
            <c:bubble3D val="0"/>
            <c:spPr>
              <a:solidFill>
                <a:srgbClr val="FFCC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D-80A0-4345-A612-4A44D957F9FA}"/>
              </c:ext>
            </c:extLst>
          </c:dPt>
          <c:dPt>
            <c:idx val="1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F-80A0-4345-A612-4A44D957F9FA}"/>
              </c:ext>
            </c:extLst>
          </c:dPt>
          <c:dPt>
            <c:idx val="1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1-80A0-4345-A612-4A44D957F9FA}"/>
              </c:ext>
            </c:extLst>
          </c:dPt>
          <c:dPt>
            <c:idx val="1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3-80A0-4345-A612-4A44D957F9FA}"/>
              </c:ext>
            </c:extLst>
          </c:dPt>
          <c:dPt>
            <c:idx val="1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5-80A0-4345-A612-4A44D957F9FA}"/>
              </c:ext>
            </c:extLst>
          </c:dPt>
          <c:dPt>
            <c:idx val="1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7-80A0-4345-A612-4A44D957F9FA}"/>
              </c:ext>
            </c:extLst>
          </c:dPt>
          <c:dPt>
            <c:idx val="2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9-80A0-4345-A612-4A44D957F9FA}"/>
              </c:ext>
            </c:extLst>
          </c:dPt>
          <c:dPt>
            <c:idx val="2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B-80A0-4345-A612-4A44D957F9FA}"/>
              </c:ext>
            </c:extLst>
          </c:dPt>
          <c:dPt>
            <c:idx val="2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D-80A0-4345-A612-4A44D957F9FA}"/>
              </c:ext>
            </c:extLst>
          </c:dPt>
          <c:dPt>
            <c:idx val="2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2F-80A0-4345-A612-4A44D957F9FA}"/>
              </c:ext>
            </c:extLst>
          </c:dPt>
          <c:dPt>
            <c:idx val="2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1-80A0-4345-A612-4A44D957F9FA}"/>
              </c:ext>
            </c:extLst>
          </c:dPt>
          <c:dPt>
            <c:idx val="2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3-80A0-4345-A612-4A44D957F9FA}"/>
              </c:ext>
            </c:extLst>
          </c:dPt>
          <c:dPt>
            <c:idx val="2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5-80A0-4345-A612-4A44D957F9FA}"/>
              </c:ext>
            </c:extLst>
          </c:dPt>
          <c:dPt>
            <c:idx val="2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7-80A0-4345-A612-4A44D957F9FA}"/>
              </c:ext>
            </c:extLst>
          </c:dPt>
          <c:dPt>
            <c:idx val="2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9-80A0-4345-A612-4A44D957F9FA}"/>
              </c:ext>
            </c:extLst>
          </c:dPt>
          <c:dPt>
            <c:idx val="2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B-80A0-4345-A612-4A44D957F9FA}"/>
              </c:ext>
            </c:extLst>
          </c:dPt>
          <c:dPt>
            <c:idx val="3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D-80A0-4345-A612-4A44D957F9FA}"/>
              </c:ext>
            </c:extLst>
          </c:dPt>
          <c:dPt>
            <c:idx val="3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3F-80A0-4345-A612-4A44D957F9FA}"/>
              </c:ext>
            </c:extLst>
          </c:dPt>
          <c:dPt>
            <c:idx val="3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1-80A0-4345-A612-4A44D957F9FA}"/>
              </c:ext>
            </c:extLst>
          </c:dPt>
          <c:dPt>
            <c:idx val="3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3-80A0-4345-A612-4A44D957F9FA}"/>
              </c:ext>
            </c:extLst>
          </c:dPt>
          <c:dPt>
            <c:idx val="3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5-80A0-4345-A612-4A44D957F9FA}"/>
              </c:ext>
            </c:extLst>
          </c:dPt>
          <c:dPt>
            <c:idx val="3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7-80A0-4345-A612-4A44D957F9FA}"/>
              </c:ext>
            </c:extLst>
          </c:dPt>
          <c:dPt>
            <c:idx val="3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9-80A0-4345-A612-4A44D957F9FA}"/>
              </c:ext>
            </c:extLst>
          </c:dPt>
          <c:dPt>
            <c:idx val="3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B-80A0-4345-A612-4A44D957F9FA}"/>
              </c:ext>
            </c:extLst>
          </c:dPt>
          <c:dPt>
            <c:idx val="3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D-80A0-4345-A612-4A44D957F9FA}"/>
              </c:ext>
            </c:extLst>
          </c:dPt>
          <c:dPt>
            <c:idx val="3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4F-80A0-4345-A612-4A44D957F9FA}"/>
              </c:ext>
            </c:extLst>
          </c:dPt>
          <c:dPt>
            <c:idx val="4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1-80A0-4345-A612-4A44D957F9FA}"/>
              </c:ext>
            </c:extLst>
          </c:dPt>
          <c:dPt>
            <c:idx val="4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3-80A0-4345-A612-4A44D957F9FA}"/>
              </c:ext>
            </c:extLst>
          </c:dPt>
          <c:dPt>
            <c:idx val="4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5-80A0-4345-A612-4A44D957F9FA}"/>
              </c:ext>
            </c:extLst>
          </c:dPt>
          <c:dPt>
            <c:idx val="4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7-80A0-4345-A612-4A44D957F9FA}"/>
              </c:ext>
            </c:extLst>
          </c:dPt>
          <c:dPt>
            <c:idx val="4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9-80A0-4345-A612-4A44D957F9FA}"/>
              </c:ext>
            </c:extLst>
          </c:dPt>
          <c:dPt>
            <c:idx val="4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B-80A0-4345-A612-4A44D957F9FA}"/>
              </c:ext>
            </c:extLst>
          </c:dPt>
          <c:dPt>
            <c:idx val="4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D-80A0-4345-A612-4A44D957F9FA}"/>
              </c:ext>
            </c:extLst>
          </c:dPt>
          <c:dPt>
            <c:idx val="4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5F-80A0-4345-A612-4A44D957F9FA}"/>
              </c:ext>
            </c:extLst>
          </c:dPt>
          <c:dPt>
            <c:idx val="4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1-80A0-4345-A612-4A44D957F9FA}"/>
              </c:ext>
            </c:extLst>
          </c:dPt>
          <c:dPt>
            <c:idx val="4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3-80A0-4345-A612-4A44D957F9FA}"/>
              </c:ext>
            </c:extLst>
          </c:dPt>
          <c:dPt>
            <c:idx val="5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5-80A0-4345-A612-4A44D957F9FA}"/>
              </c:ext>
            </c:extLst>
          </c:dPt>
          <c:dPt>
            <c:idx val="5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7-80A0-4345-A612-4A44D957F9FA}"/>
              </c:ext>
            </c:extLst>
          </c:dPt>
          <c:dPt>
            <c:idx val="5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9-80A0-4345-A612-4A44D957F9FA}"/>
              </c:ext>
            </c:extLst>
          </c:dPt>
          <c:dPt>
            <c:idx val="5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B-80A0-4345-A612-4A44D957F9FA}"/>
              </c:ext>
            </c:extLst>
          </c:dPt>
          <c:dPt>
            <c:idx val="5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D-80A0-4345-A612-4A44D957F9FA}"/>
              </c:ext>
            </c:extLst>
          </c:dPt>
          <c:dPt>
            <c:idx val="55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6F-80A0-4345-A612-4A44D957F9FA}"/>
              </c:ext>
            </c:extLst>
          </c:dPt>
          <c:dPt>
            <c:idx val="56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1-80A0-4345-A612-4A44D957F9FA}"/>
              </c:ext>
            </c:extLst>
          </c:dPt>
          <c:dPt>
            <c:idx val="57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3-80A0-4345-A612-4A44D957F9FA}"/>
              </c:ext>
            </c:extLst>
          </c:dPt>
          <c:dPt>
            <c:idx val="58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5-80A0-4345-A612-4A44D957F9FA}"/>
              </c:ext>
            </c:extLst>
          </c:dPt>
          <c:dPt>
            <c:idx val="59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7-80A0-4345-A612-4A44D957F9FA}"/>
              </c:ext>
            </c:extLst>
          </c:dPt>
          <c:dPt>
            <c:idx val="60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9-80A0-4345-A612-4A44D957F9FA}"/>
              </c:ext>
            </c:extLst>
          </c:dPt>
          <c:dPt>
            <c:idx val="61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B-80A0-4345-A612-4A44D957F9FA}"/>
              </c:ext>
            </c:extLst>
          </c:dPt>
          <c:dPt>
            <c:idx val="62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D-80A0-4345-A612-4A44D957F9FA}"/>
              </c:ext>
            </c:extLst>
          </c:dPt>
          <c:dPt>
            <c:idx val="63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7F-80A0-4345-A612-4A44D957F9FA}"/>
              </c:ext>
            </c:extLst>
          </c:dPt>
          <c:dPt>
            <c:idx val="64"/>
            <c:invertIfNegative val="0"/>
            <c:bubble3D val="0"/>
            <c:spPr>
              <a:solidFill>
                <a:srgbClr val="FFFF99"/>
              </a:solidFill>
              <a:ln w="12700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81-80A0-4345-A612-4A44D957F9FA}"/>
              </c:ext>
            </c:extLst>
          </c:dPt>
          <c:cat>
            <c:strRef>
              <c:f>[1]ピラミッドのデータ!$A$3:$A$105</c:f>
              <c:strCache>
                <c:ptCount val="102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   101-</c:v>
                </c:pt>
              </c:strCache>
            </c:strRef>
          </c:cat>
          <c:val>
            <c:numRef>
              <c:f>[1]ピラミッドのデータ!$E$3:$E$105</c:f>
              <c:numCache>
                <c:formatCode>#,##0_);[Red]\(#,##0\)</c:formatCode>
                <c:ptCount val="103"/>
                <c:pt idx="0">
                  <c:v>1242</c:v>
                </c:pt>
                <c:pt idx="1">
                  <c:v>1351</c:v>
                </c:pt>
                <c:pt idx="2">
                  <c:v>1377</c:v>
                </c:pt>
                <c:pt idx="3">
                  <c:v>1442</c:v>
                </c:pt>
                <c:pt idx="4">
                  <c:v>1474</c:v>
                </c:pt>
                <c:pt idx="5">
                  <c:v>1482</c:v>
                </c:pt>
                <c:pt idx="6">
                  <c:v>1582</c:v>
                </c:pt>
                <c:pt idx="7">
                  <c:v>1544</c:v>
                </c:pt>
                <c:pt idx="8">
                  <c:v>1576</c:v>
                </c:pt>
                <c:pt idx="9">
                  <c:v>1613</c:v>
                </c:pt>
                <c:pt idx="10">
                  <c:v>1615</c:v>
                </c:pt>
                <c:pt idx="11">
                  <c:v>1639</c:v>
                </c:pt>
                <c:pt idx="12">
                  <c:v>1696</c:v>
                </c:pt>
                <c:pt idx="13">
                  <c:v>1672</c:v>
                </c:pt>
                <c:pt idx="14">
                  <c:v>1803</c:v>
                </c:pt>
                <c:pt idx="15">
                  <c:v>1745</c:v>
                </c:pt>
                <c:pt idx="16">
                  <c:v>1770</c:v>
                </c:pt>
                <c:pt idx="17">
                  <c:v>1728</c:v>
                </c:pt>
                <c:pt idx="18">
                  <c:v>1883</c:v>
                </c:pt>
                <c:pt idx="19">
                  <c:v>1834</c:v>
                </c:pt>
                <c:pt idx="20">
                  <c:v>1917</c:v>
                </c:pt>
                <c:pt idx="21">
                  <c:v>1902</c:v>
                </c:pt>
                <c:pt idx="22">
                  <c:v>1868</c:v>
                </c:pt>
                <c:pt idx="23">
                  <c:v>1847</c:v>
                </c:pt>
                <c:pt idx="24">
                  <c:v>1816</c:v>
                </c:pt>
                <c:pt idx="25">
                  <c:v>1828</c:v>
                </c:pt>
                <c:pt idx="26">
                  <c:v>1870</c:v>
                </c:pt>
                <c:pt idx="27">
                  <c:v>1871</c:v>
                </c:pt>
                <c:pt idx="28">
                  <c:v>1819</c:v>
                </c:pt>
                <c:pt idx="29">
                  <c:v>1867</c:v>
                </c:pt>
                <c:pt idx="30">
                  <c:v>1786</c:v>
                </c:pt>
                <c:pt idx="31">
                  <c:v>1823</c:v>
                </c:pt>
                <c:pt idx="32">
                  <c:v>1853</c:v>
                </c:pt>
                <c:pt idx="33">
                  <c:v>1879</c:v>
                </c:pt>
                <c:pt idx="34">
                  <c:v>1932</c:v>
                </c:pt>
                <c:pt idx="35">
                  <c:v>2101</c:v>
                </c:pt>
                <c:pt idx="36">
                  <c:v>2164</c:v>
                </c:pt>
                <c:pt idx="37">
                  <c:v>2248</c:v>
                </c:pt>
                <c:pt idx="38">
                  <c:v>2223</c:v>
                </c:pt>
                <c:pt idx="39">
                  <c:v>2152</c:v>
                </c:pt>
                <c:pt idx="40">
                  <c:v>2335</c:v>
                </c:pt>
                <c:pt idx="41">
                  <c:v>2354</c:v>
                </c:pt>
                <c:pt idx="42">
                  <c:v>2426</c:v>
                </c:pt>
                <c:pt idx="43">
                  <c:v>2580</c:v>
                </c:pt>
                <c:pt idx="44">
                  <c:v>2657</c:v>
                </c:pt>
                <c:pt idx="45">
                  <c:v>2796</c:v>
                </c:pt>
                <c:pt idx="46">
                  <c:v>2882</c:v>
                </c:pt>
                <c:pt idx="47">
                  <c:v>3284</c:v>
                </c:pt>
                <c:pt idx="48">
                  <c:v>3386</c:v>
                </c:pt>
                <c:pt idx="49">
                  <c:v>3396</c:v>
                </c:pt>
                <c:pt idx="50">
                  <c:v>3367</c:v>
                </c:pt>
                <c:pt idx="51">
                  <c:v>3227</c:v>
                </c:pt>
                <c:pt idx="52">
                  <c:v>2945</c:v>
                </c:pt>
                <c:pt idx="53">
                  <c:v>2914</c:v>
                </c:pt>
                <c:pt idx="54">
                  <c:v>2887</c:v>
                </c:pt>
                <c:pt idx="55">
                  <c:v>2833</c:v>
                </c:pt>
                <c:pt idx="56">
                  <c:v>2164</c:v>
                </c:pt>
                <c:pt idx="57">
                  <c:v>2732</c:v>
                </c:pt>
                <c:pt idx="58">
                  <c:v>2516</c:v>
                </c:pt>
                <c:pt idx="59">
                  <c:v>2534</c:v>
                </c:pt>
                <c:pt idx="60">
                  <c:v>2279</c:v>
                </c:pt>
                <c:pt idx="61">
                  <c:v>2459</c:v>
                </c:pt>
                <c:pt idx="62">
                  <c:v>2403</c:v>
                </c:pt>
                <c:pt idx="63">
                  <c:v>2444</c:v>
                </c:pt>
                <c:pt idx="64">
                  <c:v>2356</c:v>
                </c:pt>
                <c:pt idx="65">
                  <c:v>2250</c:v>
                </c:pt>
                <c:pt idx="66">
                  <c:v>2421</c:v>
                </c:pt>
                <c:pt idx="67">
                  <c:v>2657</c:v>
                </c:pt>
                <c:pt idx="68">
                  <c:v>2534</c:v>
                </c:pt>
                <c:pt idx="69">
                  <c:v>2837</c:v>
                </c:pt>
                <c:pt idx="70">
                  <c:v>2791</c:v>
                </c:pt>
                <c:pt idx="71">
                  <c:v>2981</c:v>
                </c:pt>
                <c:pt idx="72">
                  <c:v>3404</c:v>
                </c:pt>
                <c:pt idx="73">
                  <c:v>3680</c:v>
                </c:pt>
                <c:pt idx="74">
                  <c:v>3772</c:v>
                </c:pt>
                <c:pt idx="75">
                  <c:v>4090</c:v>
                </c:pt>
                <c:pt idx="76">
                  <c:v>2044</c:v>
                </c:pt>
                <c:pt idx="77">
                  <c:v>2244</c:v>
                </c:pt>
                <c:pt idx="78">
                  <c:v>2974</c:v>
                </c:pt>
                <c:pt idx="79">
                  <c:v>2684</c:v>
                </c:pt>
                <c:pt idx="80">
                  <c:v>2886</c:v>
                </c:pt>
                <c:pt idx="81">
                  <c:v>2569</c:v>
                </c:pt>
                <c:pt idx="82">
                  <c:v>2223</c:v>
                </c:pt>
                <c:pt idx="83">
                  <c:v>1830</c:v>
                </c:pt>
                <c:pt idx="84">
                  <c:v>1863</c:v>
                </c:pt>
                <c:pt idx="85">
                  <c:v>1948</c:v>
                </c:pt>
                <c:pt idx="86">
                  <c:v>2096</c:v>
                </c:pt>
                <c:pt idx="87">
                  <c:v>1580</c:v>
                </c:pt>
                <c:pt idx="88">
                  <c:v>1619</c:v>
                </c:pt>
                <c:pt idx="89">
                  <c:v>1577</c:v>
                </c:pt>
                <c:pt idx="90">
                  <c:v>1389</c:v>
                </c:pt>
                <c:pt idx="91">
                  <c:v>1200</c:v>
                </c:pt>
                <c:pt idx="92">
                  <c:v>967</c:v>
                </c:pt>
                <c:pt idx="93">
                  <c:v>883</c:v>
                </c:pt>
                <c:pt idx="94">
                  <c:v>659</c:v>
                </c:pt>
                <c:pt idx="95">
                  <c:v>533</c:v>
                </c:pt>
                <c:pt idx="96">
                  <c:v>437</c:v>
                </c:pt>
                <c:pt idx="97">
                  <c:v>368</c:v>
                </c:pt>
                <c:pt idx="98">
                  <c:v>222</c:v>
                </c:pt>
                <c:pt idx="99">
                  <c:v>169</c:v>
                </c:pt>
                <c:pt idx="100">
                  <c:v>139</c:v>
                </c:pt>
                <c:pt idx="101">
                  <c:v>176</c:v>
                </c:pt>
                <c:pt idx="102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82-80A0-4345-A612-4A44D957F9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overlap val="100"/>
        <c:axId val="471201576"/>
        <c:axId val="471204712"/>
      </c:barChart>
      <c:catAx>
        <c:axId val="47120157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General" sourceLinked="1"/>
        <c:majorTickMark val="none"/>
        <c:minorTickMark val="none"/>
        <c:tickLblPos val="none"/>
        <c:spPr>
          <a:ln w="3175">
            <a:solidFill>
              <a:srgbClr val="000000"/>
            </a:solidFill>
            <a:prstDash val="solid"/>
          </a:ln>
        </c:spPr>
        <c:crossAx val="471204712"/>
        <c:crosses val="autoZero"/>
        <c:auto val="0"/>
        <c:lblAlgn val="ctr"/>
        <c:lblOffset val="100"/>
        <c:tickLblSkip val="10"/>
        <c:tickMarkSkip val="10"/>
        <c:noMultiLvlLbl val="0"/>
      </c:catAx>
      <c:valAx>
        <c:axId val="471204712"/>
        <c:scaling>
          <c:orientation val="minMax"/>
        </c:scaling>
        <c:delete val="0"/>
        <c:axPos val="b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1576"/>
        <c:crosses val="autoZero"/>
        <c:crossBetween val="between"/>
        <c:majorUnit val="1000"/>
      </c:valAx>
      <c:spPr>
        <a:solidFill>
          <a:srgbClr val="CCCCFF"/>
        </a:solidFill>
        <a:ln w="3175">
          <a:solidFill>
            <a:srgbClr val="FFFF99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6675</xdr:colOff>
      <xdr:row>5</xdr:row>
      <xdr:rowOff>66675</xdr:rowOff>
    </xdr:from>
    <xdr:to>
      <xdr:col>6</xdr:col>
      <xdr:colOff>152400</xdr:colOff>
      <xdr:row>70</xdr:row>
      <xdr:rowOff>95250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E663734A-3C1D-4E83-AF25-D3EE6320ED3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4</xdr:col>
      <xdr:colOff>152400</xdr:colOff>
      <xdr:row>38</xdr:row>
      <xdr:rowOff>165538</xdr:rowOff>
    </xdr:from>
    <xdr:to>
      <xdr:col>4</xdr:col>
      <xdr:colOff>552450</xdr:colOff>
      <xdr:row>40</xdr:row>
      <xdr:rowOff>165538</xdr:rowOff>
    </xdr:to>
    <xdr:sp macro="" textlink="">
      <xdr:nvSpPr>
        <xdr:cNvPr id="3" name="Text Box 2">
          <a:extLst>
            <a:ext uri="{FF2B5EF4-FFF2-40B4-BE49-F238E27FC236}">
              <a16:creationId xmlns:a16="http://schemas.microsoft.com/office/drawing/2014/main" id="{70BAC2D8-018E-4725-B8B9-2410808BC4E0}"/>
            </a:ext>
          </a:extLst>
        </xdr:cNvPr>
        <xdr:cNvSpPr txBox="1">
          <a:spLocks noChangeArrowheads="1"/>
        </xdr:cNvSpPr>
      </xdr:nvSpPr>
      <xdr:spPr bwMode="auto">
        <a:xfrm>
          <a:off x="2590800" y="6612058"/>
          <a:ext cx="400050" cy="33528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0" tIns="72000" rIns="0" bIns="72000" anchor="t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男</a:t>
          </a:r>
          <a:endParaRPr lang="ja-JP" altLang="en-US"/>
        </a:p>
      </xdr:txBody>
    </xdr:sp>
    <xdr:clientData/>
  </xdr:twoCellAnchor>
  <xdr:twoCellAnchor>
    <xdr:from>
      <xdr:col>6</xdr:col>
      <xdr:colOff>76857</xdr:colOff>
      <xdr:row>5</xdr:row>
      <xdr:rowOff>106746</xdr:rowOff>
    </xdr:from>
    <xdr:to>
      <xdr:col>11</xdr:col>
      <xdr:colOff>467382</xdr:colOff>
      <xdr:row>70</xdr:row>
      <xdr:rowOff>135321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id="{4EF1EA19-7DD4-4F0C-BCDF-B32BD6D920C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6</xdr:col>
      <xdr:colOff>676275</xdr:colOff>
      <xdr:row>38</xdr:row>
      <xdr:rowOff>160611</xdr:rowOff>
    </xdr:from>
    <xdr:to>
      <xdr:col>7</xdr:col>
      <xdr:colOff>390525</xdr:colOff>
      <xdr:row>40</xdr:row>
      <xdr:rowOff>160611</xdr:rowOff>
    </xdr:to>
    <xdr:sp macro="" textlink="">
      <xdr:nvSpPr>
        <xdr:cNvPr id="5" name="Text Box 10">
          <a:extLst>
            <a:ext uri="{FF2B5EF4-FFF2-40B4-BE49-F238E27FC236}">
              <a16:creationId xmlns:a16="http://schemas.microsoft.com/office/drawing/2014/main" id="{6120D454-5393-4B33-9567-978875348939}"/>
            </a:ext>
          </a:extLst>
        </xdr:cNvPr>
        <xdr:cNvSpPr txBox="1">
          <a:spLocks noChangeArrowheads="1"/>
        </xdr:cNvSpPr>
      </xdr:nvSpPr>
      <xdr:spPr bwMode="auto">
        <a:xfrm>
          <a:off x="4265295" y="6607131"/>
          <a:ext cx="392430" cy="33528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0" tIns="72000" rIns="0" bIns="72000" anchor="t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女</a:t>
          </a:r>
          <a:endParaRPr lang="ja-JP" altLang="en-US"/>
        </a:p>
      </xdr:txBody>
    </xdr:sp>
    <xdr:clientData/>
  </xdr:twoCellAnchor>
  <xdr:twoCellAnchor>
    <xdr:from>
      <xdr:col>9</xdr:col>
      <xdr:colOff>228694</xdr:colOff>
      <xdr:row>25</xdr:row>
      <xdr:rowOff>156477</xdr:rowOff>
    </xdr:from>
    <xdr:to>
      <xdr:col>10</xdr:col>
      <xdr:colOff>571594</xdr:colOff>
      <xdr:row>28</xdr:row>
      <xdr:rowOff>112136</xdr:rowOff>
    </xdr:to>
    <xdr:sp macro="" textlink="">
      <xdr:nvSpPr>
        <xdr:cNvPr id="6" name="AutoShape 11">
          <a:extLst>
            <a:ext uri="{FF2B5EF4-FFF2-40B4-BE49-F238E27FC236}">
              <a16:creationId xmlns:a16="http://schemas.microsoft.com/office/drawing/2014/main" id="{DE80D72A-5CC7-43D5-BD86-0DE397D0A7CE}"/>
            </a:ext>
          </a:extLst>
        </xdr:cNvPr>
        <xdr:cNvSpPr>
          <a:spLocks noChangeArrowheads="1"/>
        </xdr:cNvSpPr>
      </xdr:nvSpPr>
      <xdr:spPr bwMode="auto">
        <a:xfrm>
          <a:off x="5715094" y="4423677"/>
          <a:ext cx="952500" cy="458579"/>
        </a:xfrm>
        <a:prstGeom prst="wedgeRoundRectCallout">
          <a:avLst>
            <a:gd name="adj1" fmla="val 7736"/>
            <a:gd name="adj2" fmla="val -144665"/>
            <a:gd name="adj3" fmla="val 16667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昭和22年～24年</a:t>
          </a:r>
        </a:p>
        <a:p>
          <a:pPr algn="ctr" rtl="0">
            <a:lnSpc>
              <a:spcPts val="9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第1次ﾍﾞﾋﾞｰﾌﾞｰﾑ</a:t>
          </a:r>
          <a:endParaRPr lang="ja-JP" altLang="en-US"/>
        </a:p>
      </xdr:txBody>
    </xdr:sp>
    <xdr:clientData/>
  </xdr:twoCellAnchor>
  <xdr:twoCellAnchor>
    <xdr:from>
      <xdr:col>9</xdr:col>
      <xdr:colOff>300155</xdr:colOff>
      <xdr:row>40</xdr:row>
      <xdr:rowOff>157539</xdr:rowOff>
    </xdr:from>
    <xdr:to>
      <xdr:col>11</xdr:col>
      <xdr:colOff>37265</xdr:colOff>
      <xdr:row>43</xdr:row>
      <xdr:rowOff>43333</xdr:rowOff>
    </xdr:to>
    <xdr:sp macro="" textlink="">
      <xdr:nvSpPr>
        <xdr:cNvPr id="7" name="AutoShape 12">
          <a:extLst>
            <a:ext uri="{FF2B5EF4-FFF2-40B4-BE49-F238E27FC236}">
              <a16:creationId xmlns:a16="http://schemas.microsoft.com/office/drawing/2014/main" id="{C07DD96A-186A-42F3-97DF-71CEEBB160FF}"/>
            </a:ext>
          </a:extLst>
        </xdr:cNvPr>
        <xdr:cNvSpPr>
          <a:spLocks noChangeArrowheads="1"/>
        </xdr:cNvSpPr>
      </xdr:nvSpPr>
      <xdr:spPr bwMode="auto">
        <a:xfrm>
          <a:off x="5786555" y="6939339"/>
          <a:ext cx="956310" cy="388714"/>
        </a:xfrm>
        <a:prstGeom prst="wedgeRoundRectCallout">
          <a:avLst>
            <a:gd name="adj1" fmla="val -35526"/>
            <a:gd name="adj2" fmla="val -148980"/>
            <a:gd name="adj3" fmla="val 16667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lnSpc>
              <a:spcPts val="10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昭和46年～49年</a:t>
          </a:r>
        </a:p>
        <a:p>
          <a:pPr algn="ctr" rtl="0">
            <a:lnSpc>
              <a:spcPts val="9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第２次ﾍﾞﾋﾞｰﾌﾞｰﾑ</a:t>
          </a:r>
          <a:endParaRPr lang="ja-JP" altLang="en-US"/>
        </a:p>
      </xdr:txBody>
    </xdr:sp>
    <xdr:clientData/>
  </xdr:twoCellAnchor>
  <xdr:twoCellAnchor>
    <xdr:from>
      <xdr:col>5</xdr:col>
      <xdr:colOff>209550</xdr:colOff>
      <xdr:row>4</xdr:row>
      <xdr:rowOff>28575</xdr:rowOff>
    </xdr:from>
    <xdr:to>
      <xdr:col>6</xdr:col>
      <xdr:colOff>238125</xdr:colOff>
      <xdr:row>5</xdr:row>
      <xdr:rowOff>123825</xdr:rowOff>
    </xdr:to>
    <xdr:sp macro="" textlink="">
      <xdr:nvSpPr>
        <xdr:cNvPr id="8" name="Text Box 13">
          <a:extLst>
            <a:ext uri="{FF2B5EF4-FFF2-40B4-BE49-F238E27FC236}">
              <a16:creationId xmlns:a16="http://schemas.microsoft.com/office/drawing/2014/main" id="{39B7C169-D5DF-4D39-AEC4-73D5D39B1660}"/>
            </a:ext>
          </a:extLst>
        </xdr:cNvPr>
        <xdr:cNvSpPr txBox="1">
          <a:spLocks noChangeArrowheads="1"/>
        </xdr:cNvSpPr>
      </xdr:nvSpPr>
      <xdr:spPr bwMode="auto">
        <a:xfrm>
          <a:off x="3257550" y="775335"/>
          <a:ext cx="638175" cy="26289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年齢(歳)</a:t>
          </a:r>
          <a:endParaRPr lang="ja-JP" altLang="en-US"/>
        </a:p>
      </xdr:txBody>
    </xdr:sp>
    <xdr:clientData/>
  </xdr:twoCellAnchor>
  <xdr:twoCellAnchor>
    <xdr:from>
      <xdr:col>0</xdr:col>
      <xdr:colOff>104775</xdr:colOff>
      <xdr:row>70</xdr:row>
      <xdr:rowOff>114300</xdr:rowOff>
    </xdr:from>
    <xdr:to>
      <xdr:col>0</xdr:col>
      <xdr:colOff>428625</xdr:colOff>
      <xdr:row>71</xdr:row>
      <xdr:rowOff>152400</xdr:rowOff>
    </xdr:to>
    <xdr:sp macro="" textlink="">
      <xdr:nvSpPr>
        <xdr:cNvPr id="9" name="Text Box 14">
          <a:extLst>
            <a:ext uri="{FF2B5EF4-FFF2-40B4-BE49-F238E27FC236}">
              <a16:creationId xmlns:a16="http://schemas.microsoft.com/office/drawing/2014/main" id="{599B4D4F-E35F-46C9-8136-B0D1D696076F}"/>
            </a:ext>
          </a:extLst>
        </xdr:cNvPr>
        <xdr:cNvSpPr txBox="1">
          <a:spLocks noChangeArrowheads="1"/>
        </xdr:cNvSpPr>
      </xdr:nvSpPr>
      <xdr:spPr bwMode="auto">
        <a:xfrm>
          <a:off x="104775" y="11925300"/>
          <a:ext cx="323850" cy="20574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(人)</a:t>
          </a:r>
          <a:endParaRPr lang="ja-JP" altLang="en-US"/>
        </a:p>
      </xdr:txBody>
    </xdr:sp>
    <xdr:clientData/>
  </xdr:twoCellAnchor>
  <xdr:twoCellAnchor>
    <xdr:from>
      <xdr:col>11</xdr:col>
      <xdr:colOff>28575</xdr:colOff>
      <xdr:row>70</xdr:row>
      <xdr:rowOff>114300</xdr:rowOff>
    </xdr:from>
    <xdr:to>
      <xdr:col>11</xdr:col>
      <xdr:colOff>352425</xdr:colOff>
      <xdr:row>71</xdr:row>
      <xdr:rowOff>152400</xdr:rowOff>
    </xdr:to>
    <xdr:sp macro="" textlink="">
      <xdr:nvSpPr>
        <xdr:cNvPr id="10" name="Text Box 15">
          <a:extLst>
            <a:ext uri="{FF2B5EF4-FFF2-40B4-BE49-F238E27FC236}">
              <a16:creationId xmlns:a16="http://schemas.microsoft.com/office/drawing/2014/main" id="{94B7E762-4915-45A6-AF3D-81FB10A5E37E}"/>
            </a:ext>
          </a:extLst>
        </xdr:cNvPr>
        <xdr:cNvSpPr txBox="1">
          <a:spLocks noChangeArrowheads="1"/>
        </xdr:cNvSpPr>
      </xdr:nvSpPr>
      <xdr:spPr bwMode="auto">
        <a:xfrm>
          <a:off x="6734175" y="11925300"/>
          <a:ext cx="323850" cy="20574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(人)</a:t>
          </a:r>
          <a:endParaRPr lang="ja-JP" altLang="en-US"/>
        </a:p>
      </xdr:txBody>
    </xdr:sp>
    <xdr:clientData/>
  </xdr:twoCellAnchor>
  <xdr:twoCellAnchor>
    <xdr:from>
      <xdr:col>0</xdr:col>
      <xdr:colOff>123825</xdr:colOff>
      <xdr:row>68</xdr:row>
      <xdr:rowOff>104775</xdr:rowOff>
    </xdr:from>
    <xdr:to>
      <xdr:col>5</xdr:col>
      <xdr:colOff>114300</xdr:colOff>
      <xdr:row>70</xdr:row>
      <xdr:rowOff>19050</xdr:rowOff>
    </xdr:to>
    <xdr:sp macro="" textlink="">
      <xdr:nvSpPr>
        <xdr:cNvPr id="11" name="Text Box 21">
          <a:extLst>
            <a:ext uri="{FF2B5EF4-FFF2-40B4-BE49-F238E27FC236}">
              <a16:creationId xmlns:a16="http://schemas.microsoft.com/office/drawing/2014/main" id="{A03CF4BF-F641-4E0A-AFAF-EF84C59BDCA4}"/>
            </a:ext>
          </a:extLst>
        </xdr:cNvPr>
        <xdr:cNvSpPr txBox="1">
          <a:spLocks noChangeArrowheads="1"/>
        </xdr:cNvSpPr>
      </xdr:nvSpPr>
      <xdr:spPr bwMode="auto">
        <a:xfrm>
          <a:off x="123825" y="11580495"/>
          <a:ext cx="3038475" cy="24955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0" tIns="0" rIns="0" bIns="0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 5,000　      4,000      3,000   　  2,000    　 1,000</a:t>
          </a:r>
          <a:endParaRPr lang="ja-JP" altLang="en-US"/>
        </a:p>
      </xdr:txBody>
    </xdr:sp>
    <xdr:clientData/>
  </xdr:twoCellAnchor>
  <xdr:twoCellAnchor>
    <xdr:from>
      <xdr:col>1</xdr:col>
      <xdr:colOff>104775</xdr:colOff>
      <xdr:row>8</xdr:row>
      <xdr:rowOff>72020</xdr:rowOff>
    </xdr:from>
    <xdr:to>
      <xdr:col>1</xdr:col>
      <xdr:colOff>495300</xdr:colOff>
      <xdr:row>9</xdr:row>
      <xdr:rowOff>43909</xdr:rowOff>
    </xdr:to>
    <xdr:sp macro="" textlink="">
      <xdr:nvSpPr>
        <xdr:cNvPr id="12" name="Text Box 3">
          <a:extLst>
            <a:ext uri="{FF2B5EF4-FFF2-40B4-BE49-F238E27FC236}">
              <a16:creationId xmlns:a16="http://schemas.microsoft.com/office/drawing/2014/main" id="{DDCB9365-AFB5-48E3-B5D6-A207CF29C477}"/>
            </a:ext>
          </a:extLst>
        </xdr:cNvPr>
        <xdr:cNvSpPr txBox="1">
          <a:spLocks noChangeArrowheads="1"/>
        </xdr:cNvSpPr>
      </xdr:nvSpPr>
      <xdr:spPr bwMode="auto">
        <a:xfrm>
          <a:off x="714375" y="1489340"/>
          <a:ext cx="390525" cy="139529"/>
        </a:xfrm>
        <a:prstGeom prst="rect">
          <a:avLst/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104775</xdr:colOff>
      <xdr:row>10</xdr:row>
      <xdr:rowOff>10222</xdr:rowOff>
    </xdr:from>
    <xdr:to>
      <xdr:col>1</xdr:col>
      <xdr:colOff>495300</xdr:colOff>
      <xdr:row>10</xdr:row>
      <xdr:rowOff>153562</xdr:rowOff>
    </xdr:to>
    <xdr:sp macro="" textlink="">
      <xdr:nvSpPr>
        <xdr:cNvPr id="13" name="Text Box 4">
          <a:extLst>
            <a:ext uri="{FF2B5EF4-FFF2-40B4-BE49-F238E27FC236}">
              <a16:creationId xmlns:a16="http://schemas.microsoft.com/office/drawing/2014/main" id="{0760B1BD-EAA2-4EB3-B186-D01B0BFAD688}"/>
            </a:ext>
          </a:extLst>
        </xdr:cNvPr>
        <xdr:cNvSpPr txBox="1">
          <a:spLocks noChangeArrowheads="1"/>
        </xdr:cNvSpPr>
      </xdr:nvSpPr>
      <xdr:spPr bwMode="auto">
        <a:xfrm>
          <a:off x="714375" y="1762822"/>
          <a:ext cx="390525" cy="143340"/>
        </a:xfrm>
        <a:prstGeom prst="rect">
          <a:avLst/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104775</xdr:colOff>
      <xdr:row>11</xdr:row>
      <xdr:rowOff>110582</xdr:rowOff>
    </xdr:from>
    <xdr:to>
      <xdr:col>1</xdr:col>
      <xdr:colOff>495300</xdr:colOff>
      <xdr:row>12</xdr:row>
      <xdr:rowOff>82471</xdr:rowOff>
    </xdr:to>
    <xdr:sp macro="" textlink="">
      <xdr:nvSpPr>
        <xdr:cNvPr id="14" name="Text Box 5">
          <a:extLst>
            <a:ext uri="{FF2B5EF4-FFF2-40B4-BE49-F238E27FC236}">
              <a16:creationId xmlns:a16="http://schemas.microsoft.com/office/drawing/2014/main" id="{AADB8526-14EA-4B63-AF69-DF34E5856819}"/>
            </a:ext>
          </a:extLst>
        </xdr:cNvPr>
        <xdr:cNvSpPr txBox="1">
          <a:spLocks noChangeArrowheads="1"/>
        </xdr:cNvSpPr>
      </xdr:nvSpPr>
      <xdr:spPr bwMode="auto">
        <a:xfrm>
          <a:off x="714375" y="2030822"/>
          <a:ext cx="390525" cy="139529"/>
        </a:xfrm>
        <a:prstGeom prst="rect">
          <a:avLst/>
        </a:prstGeom>
        <a:solidFill>
          <a:srgbClr val="FFCC99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628650</xdr:colOff>
      <xdr:row>8</xdr:row>
      <xdr:rowOff>38100</xdr:rowOff>
    </xdr:from>
    <xdr:to>
      <xdr:col>4</xdr:col>
      <xdr:colOff>481825</xdr:colOff>
      <xdr:row>9</xdr:row>
      <xdr:rowOff>88158</xdr:rowOff>
    </xdr:to>
    <xdr:sp macro="" textlink="">
      <xdr:nvSpPr>
        <xdr:cNvPr id="15" name="Text Box 6">
          <a:extLst>
            <a:ext uri="{FF2B5EF4-FFF2-40B4-BE49-F238E27FC236}">
              <a16:creationId xmlns:a16="http://schemas.microsoft.com/office/drawing/2014/main" id="{601E6861-A5F1-4773-B9D1-AD7CBEC057EC}"/>
            </a:ext>
          </a:extLst>
        </xdr:cNvPr>
        <xdr:cNvSpPr txBox="1">
          <a:spLocks noChangeArrowheads="1"/>
        </xdr:cNvSpPr>
      </xdr:nvSpPr>
      <xdr:spPr bwMode="auto">
        <a:xfrm>
          <a:off x="1215390" y="1455420"/>
          <a:ext cx="1704835" cy="217698"/>
        </a:xfrm>
        <a:prstGeom prst="rect">
          <a:avLst/>
        </a:prstGeom>
        <a:solidFill>
          <a:srgbClr val="FFFF99"/>
        </a:solidFill>
        <a:ln>
          <a:noFill/>
        </a:ln>
      </xdr:spPr>
      <xdr:txBody>
        <a:bodyPr vertOverflow="clip" wrap="square" lIns="90000" tIns="36000" rIns="90000" bIns="36000" anchor="t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65歳以上  </a:t>
          </a:r>
          <a:r>
            <a:rPr lang="en-US" altLang="ja-JP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123,310</a:t>
          </a:r>
          <a:r>
            <a:rPr lang="ja-JP" altLang="en-US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人(</a:t>
          </a:r>
          <a:r>
            <a:rPr lang="en-US" altLang="ja-JP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30.1</a:t>
          </a:r>
          <a:r>
            <a:rPr lang="ja-JP" altLang="en-US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%)</a:t>
          </a:r>
        </a:p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%)</a:t>
          </a:r>
          <a:endParaRPr lang="ja-JP" altLang="en-US" sz="800" b="1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  <a:p>
          <a:pPr algn="ctr" rtl="0">
            <a:defRPr sz="1000"/>
          </a:pPr>
          <a:endParaRPr lang="ja-JP" altLang="en-US" b="1"/>
        </a:p>
      </xdr:txBody>
    </xdr:sp>
    <xdr:clientData/>
  </xdr:twoCellAnchor>
  <xdr:twoCellAnchor>
    <xdr:from>
      <xdr:col>1</xdr:col>
      <xdr:colOff>628650</xdr:colOff>
      <xdr:row>9</xdr:row>
      <xdr:rowOff>143804</xdr:rowOff>
    </xdr:from>
    <xdr:to>
      <xdr:col>4</xdr:col>
      <xdr:colOff>481825</xdr:colOff>
      <xdr:row>11</xdr:row>
      <xdr:rowOff>21948</xdr:rowOff>
    </xdr:to>
    <xdr:sp macro="" textlink="">
      <xdr:nvSpPr>
        <xdr:cNvPr id="16" name="Text Box 6">
          <a:extLst>
            <a:ext uri="{FF2B5EF4-FFF2-40B4-BE49-F238E27FC236}">
              <a16:creationId xmlns:a16="http://schemas.microsoft.com/office/drawing/2014/main" id="{61C0EF79-200D-418B-AFDA-476A98014A28}"/>
            </a:ext>
          </a:extLst>
        </xdr:cNvPr>
        <xdr:cNvSpPr txBox="1">
          <a:spLocks noChangeArrowheads="1"/>
        </xdr:cNvSpPr>
      </xdr:nvSpPr>
      <xdr:spPr bwMode="auto">
        <a:xfrm>
          <a:off x="1215390" y="1728764"/>
          <a:ext cx="1704835" cy="213424"/>
        </a:xfrm>
        <a:prstGeom prst="rect">
          <a:avLst/>
        </a:prstGeom>
        <a:solidFill>
          <a:srgbClr val="FFFF99"/>
        </a:solidFill>
        <a:ln>
          <a:noFill/>
        </a:ln>
      </xdr:spPr>
      <xdr:txBody>
        <a:bodyPr vertOverflow="clip" wrap="square" lIns="90000" tIns="36000" rIns="90000" bIns="36000" anchor="t" upright="1"/>
        <a:lstStyle/>
        <a:p>
          <a:pPr algn="ctr" rtl="0"/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15～64歳  </a:t>
          </a:r>
          <a:r>
            <a:rPr lang="en-US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238,954</a:t>
          </a:r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人(</a:t>
          </a:r>
          <a:r>
            <a:rPr lang="en-US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58.3</a:t>
          </a:r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%)</a:t>
          </a:r>
          <a:endParaRPr lang="ja-JP" altLang="ja-JP" sz="900">
            <a:effectLst/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%)</a:t>
          </a:r>
        </a:p>
        <a:p>
          <a:pPr algn="ctr" rtl="0">
            <a:defRPr sz="1000"/>
          </a:pPr>
          <a:endParaRPr lang="ja-JP" altLang="en-US" sz="900" b="1"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1</xdr:col>
      <xdr:colOff>628650</xdr:colOff>
      <xdr:row>11</xdr:row>
      <xdr:rowOff>78059</xdr:rowOff>
    </xdr:from>
    <xdr:to>
      <xdr:col>4</xdr:col>
      <xdr:colOff>481825</xdr:colOff>
      <xdr:row>12</xdr:row>
      <xdr:rowOff>127652</xdr:rowOff>
    </xdr:to>
    <xdr:sp macro="" textlink="">
      <xdr:nvSpPr>
        <xdr:cNvPr id="17" name="Text Box 6">
          <a:extLst>
            <a:ext uri="{FF2B5EF4-FFF2-40B4-BE49-F238E27FC236}">
              <a16:creationId xmlns:a16="http://schemas.microsoft.com/office/drawing/2014/main" id="{9345529A-7CF3-4999-935C-25676E9AD7E6}"/>
            </a:ext>
          </a:extLst>
        </xdr:cNvPr>
        <xdr:cNvSpPr txBox="1">
          <a:spLocks noChangeArrowheads="1"/>
        </xdr:cNvSpPr>
      </xdr:nvSpPr>
      <xdr:spPr bwMode="auto">
        <a:xfrm>
          <a:off x="1215390" y="1998299"/>
          <a:ext cx="1704835" cy="217233"/>
        </a:xfrm>
        <a:prstGeom prst="rect">
          <a:avLst/>
        </a:prstGeom>
        <a:solidFill>
          <a:srgbClr val="FFFF99"/>
        </a:solidFill>
        <a:ln>
          <a:noFill/>
        </a:ln>
      </xdr:spPr>
      <xdr:txBody>
        <a:bodyPr vertOverflow="clip" wrap="square" lIns="90000" tIns="36000" rIns="90000" bIns="36000" anchor="t" upright="1"/>
        <a:lstStyle/>
        <a:p>
          <a:pPr algn="ctr" rtl="0"/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 0～14歳   </a:t>
          </a:r>
          <a:r>
            <a:rPr lang="en-US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47,316</a:t>
          </a:r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人(</a:t>
          </a:r>
          <a:r>
            <a:rPr lang="en-US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11.6</a:t>
          </a:r>
          <a:r>
            <a:rPr lang="ja-JP" altLang="ja-JP" sz="900" b="1" i="0" baseline="0"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%)</a:t>
          </a:r>
          <a:endParaRPr lang="ja-JP" altLang="ja-JP" sz="900">
            <a:effectLst/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%)</a:t>
          </a:r>
        </a:p>
        <a:p>
          <a:pPr algn="ctr" rtl="0">
            <a:defRPr sz="1000"/>
          </a:pPr>
          <a:endParaRPr lang="ja-JP" altLang="en-US" sz="900" b="1"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468</cdr:x>
      <cdr:y>0.04764</cdr:y>
    </cdr:from>
    <cdr:to>
      <cdr:x>0.81619</cdr:x>
      <cdr:y>0.09974</cdr:y>
    </cdr:to>
    <cdr:sp macro="" textlink="">
      <cdr:nvSpPr>
        <cdr:cNvPr id="268289" name="Rectangle 1"/>
        <cdr:cNvSpPr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1787538" y="532274"/>
          <a:ext cx="1329920" cy="582152"/>
        </a:xfrm>
        <a:prstGeom xmlns:a="http://schemas.openxmlformats.org/drawingml/2006/main" prst="rect">
          <a:avLst/>
        </a:prstGeom>
        <a:solidFill xmlns:a="http://schemas.openxmlformats.org/drawingml/2006/main">
          <a:srgbClr val="FFFFFF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wrap="square" lIns="18288" tIns="18288" rIns="0" bIns="0" anchor="ctr" anchorCtr="0" upright="1"/>
        <a:lstStyle xmlns:a="http://schemas.openxmlformats.org/drawingml/2006/main"/>
        <a:p xmlns:a="http://schemas.openxmlformats.org/drawingml/2006/main"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 人口　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409,580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人</a:t>
          </a:r>
        </a:p>
        <a:p xmlns:a="http://schemas.openxmlformats.org/drawingml/2006/main"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  男   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199,894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人</a:t>
          </a:r>
        </a:p>
        <a:p xmlns:a="http://schemas.openxmlformats.org/drawingml/2006/main"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  女　 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209,686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人</a:t>
          </a:r>
          <a:endParaRPr lang="ja-JP" altLang="en-US"/>
        </a:p>
      </cdr:txBody>
    </cdr:sp>
  </cdr:relSizeAnchor>
</c:userShape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08&#20225;&#30011;&#35519;&#25972;/s1/&#12288;&#20225;&#30011;&#35519;&#25972;&#35506;&#12501;&#12457;&#12523;&#12480;/04&#32113;&#35336;&#35519;&#26619;/04&#12288;&#30476;&#31561;&#22996;&#35351;&#32113;&#35336;/06&#12288;&#20154;&#21475;&#35519;&#26619;/&#20154;&#21475;&#12398;&#25512;&#31227;/R4/&#9675;hp%20R04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>
        <row r="3">
          <cell r="A3">
            <v>0</v>
          </cell>
          <cell r="C3" t="str">
            <v xml:space="preserve">   　0</v>
          </cell>
          <cell r="D3">
            <v>-1315</v>
          </cell>
          <cell r="E3">
            <v>1242</v>
          </cell>
        </row>
        <row r="4">
          <cell r="A4">
            <v>1</v>
          </cell>
          <cell r="C4" t="str">
            <v xml:space="preserve">   　1</v>
          </cell>
          <cell r="D4">
            <v>-1353</v>
          </cell>
          <cell r="E4">
            <v>1351</v>
          </cell>
        </row>
        <row r="5">
          <cell r="A5">
            <v>2</v>
          </cell>
          <cell r="C5" t="str">
            <v xml:space="preserve">   　2</v>
          </cell>
          <cell r="D5">
            <v>-1441</v>
          </cell>
          <cell r="E5">
            <v>1377</v>
          </cell>
        </row>
        <row r="6">
          <cell r="A6">
            <v>3</v>
          </cell>
          <cell r="C6" t="str">
            <v xml:space="preserve">   　3</v>
          </cell>
          <cell r="D6">
            <v>-1505</v>
          </cell>
          <cell r="E6">
            <v>1442</v>
          </cell>
        </row>
        <row r="7">
          <cell r="A7">
            <v>4</v>
          </cell>
          <cell r="C7" t="str">
            <v xml:space="preserve">   　4</v>
          </cell>
          <cell r="D7">
            <v>-1538</v>
          </cell>
          <cell r="E7">
            <v>1474</v>
          </cell>
        </row>
        <row r="8">
          <cell r="A8">
            <v>5</v>
          </cell>
          <cell r="C8" t="str">
            <v xml:space="preserve">   　5</v>
          </cell>
          <cell r="D8">
            <v>-1571</v>
          </cell>
          <cell r="E8">
            <v>1482</v>
          </cell>
        </row>
        <row r="9">
          <cell r="A9">
            <v>6</v>
          </cell>
          <cell r="C9" t="str">
            <v xml:space="preserve">   　6</v>
          </cell>
          <cell r="D9">
            <v>-1663</v>
          </cell>
          <cell r="E9">
            <v>1582</v>
          </cell>
        </row>
        <row r="10">
          <cell r="A10">
            <v>7</v>
          </cell>
          <cell r="C10" t="str">
            <v xml:space="preserve">   　7</v>
          </cell>
          <cell r="D10">
            <v>-1656</v>
          </cell>
          <cell r="E10">
            <v>1544</v>
          </cell>
        </row>
        <row r="11">
          <cell r="A11">
            <v>8</v>
          </cell>
          <cell r="C11" t="str">
            <v xml:space="preserve">   　8</v>
          </cell>
          <cell r="D11">
            <v>-1582</v>
          </cell>
          <cell r="E11">
            <v>1576</v>
          </cell>
        </row>
        <row r="12">
          <cell r="A12">
            <v>9</v>
          </cell>
          <cell r="C12" t="str">
            <v xml:space="preserve">   　9</v>
          </cell>
          <cell r="D12">
            <v>-1666</v>
          </cell>
          <cell r="E12">
            <v>1613</v>
          </cell>
        </row>
        <row r="13">
          <cell r="A13">
            <v>10</v>
          </cell>
          <cell r="C13" t="str">
            <v xml:space="preserve">  　10</v>
          </cell>
          <cell r="D13">
            <v>-1725</v>
          </cell>
          <cell r="E13">
            <v>1615</v>
          </cell>
        </row>
        <row r="14">
          <cell r="A14">
            <v>11</v>
          </cell>
          <cell r="C14" t="str">
            <v xml:space="preserve">  　11</v>
          </cell>
          <cell r="D14">
            <v>-1773</v>
          </cell>
          <cell r="E14">
            <v>1639</v>
          </cell>
        </row>
        <row r="15">
          <cell r="A15">
            <v>12</v>
          </cell>
          <cell r="C15" t="str">
            <v xml:space="preserve">  　12</v>
          </cell>
          <cell r="D15">
            <v>-1788</v>
          </cell>
          <cell r="E15">
            <v>1696</v>
          </cell>
        </row>
        <row r="16">
          <cell r="A16">
            <v>13</v>
          </cell>
          <cell r="C16" t="str">
            <v xml:space="preserve">  　13</v>
          </cell>
          <cell r="D16">
            <v>-1784</v>
          </cell>
          <cell r="E16">
            <v>1672</v>
          </cell>
        </row>
        <row r="17">
          <cell r="A17">
            <v>14</v>
          </cell>
          <cell r="C17" t="str">
            <v xml:space="preserve">  　14</v>
          </cell>
          <cell r="D17">
            <v>-1848</v>
          </cell>
          <cell r="E17">
            <v>1803</v>
          </cell>
        </row>
        <row r="18">
          <cell r="A18">
            <v>15</v>
          </cell>
          <cell r="C18" t="str">
            <v xml:space="preserve">  　15</v>
          </cell>
          <cell r="D18">
            <v>-1789</v>
          </cell>
          <cell r="E18">
            <v>1745</v>
          </cell>
        </row>
        <row r="19">
          <cell r="A19">
            <v>16</v>
          </cell>
          <cell r="C19" t="str">
            <v xml:space="preserve">  　16</v>
          </cell>
          <cell r="D19">
            <v>-1865</v>
          </cell>
          <cell r="E19">
            <v>1770</v>
          </cell>
        </row>
        <row r="20">
          <cell r="A20">
            <v>17</v>
          </cell>
          <cell r="C20" t="str">
            <v xml:space="preserve">  　17</v>
          </cell>
          <cell r="D20">
            <v>-1912</v>
          </cell>
          <cell r="E20">
            <v>1728</v>
          </cell>
        </row>
        <row r="21">
          <cell r="A21">
            <v>18</v>
          </cell>
          <cell r="C21" t="str">
            <v xml:space="preserve">  　18</v>
          </cell>
          <cell r="D21">
            <v>-1934</v>
          </cell>
          <cell r="E21">
            <v>1883</v>
          </cell>
        </row>
        <row r="22">
          <cell r="A22">
            <v>19</v>
          </cell>
          <cell r="C22" t="str">
            <v xml:space="preserve">  　19</v>
          </cell>
          <cell r="D22">
            <v>-1928</v>
          </cell>
          <cell r="E22">
            <v>1834</v>
          </cell>
        </row>
        <row r="23">
          <cell r="A23">
            <v>20</v>
          </cell>
          <cell r="C23" t="str">
            <v xml:space="preserve">  　20</v>
          </cell>
          <cell r="D23">
            <v>-2150</v>
          </cell>
          <cell r="E23">
            <v>1917</v>
          </cell>
        </row>
        <row r="24">
          <cell r="A24">
            <v>21</v>
          </cell>
          <cell r="C24" t="str">
            <v xml:space="preserve">  　21</v>
          </cell>
          <cell r="D24">
            <v>-2118</v>
          </cell>
          <cell r="E24">
            <v>1902</v>
          </cell>
        </row>
        <row r="25">
          <cell r="A25">
            <v>22</v>
          </cell>
          <cell r="C25" t="str">
            <v xml:space="preserve">  　22</v>
          </cell>
          <cell r="D25">
            <v>-2202</v>
          </cell>
          <cell r="E25">
            <v>1868</v>
          </cell>
        </row>
        <row r="26">
          <cell r="A26">
            <v>23</v>
          </cell>
          <cell r="C26" t="str">
            <v xml:space="preserve">  　23</v>
          </cell>
          <cell r="D26">
            <v>-2146</v>
          </cell>
          <cell r="E26">
            <v>1847</v>
          </cell>
        </row>
        <row r="27">
          <cell r="A27">
            <v>24</v>
          </cell>
          <cell r="C27" t="str">
            <v xml:space="preserve">  　24</v>
          </cell>
          <cell r="D27">
            <v>-2262</v>
          </cell>
          <cell r="E27">
            <v>1816</v>
          </cell>
        </row>
        <row r="28">
          <cell r="A28">
            <v>25</v>
          </cell>
          <cell r="C28" t="str">
            <v xml:space="preserve">  　25</v>
          </cell>
          <cell r="D28">
            <v>-2131</v>
          </cell>
          <cell r="E28">
            <v>1828</v>
          </cell>
        </row>
        <row r="29">
          <cell r="A29">
            <v>26</v>
          </cell>
          <cell r="C29" t="str">
            <v xml:space="preserve">  　26</v>
          </cell>
          <cell r="D29">
            <v>-2237</v>
          </cell>
          <cell r="E29">
            <v>1870</v>
          </cell>
        </row>
        <row r="30">
          <cell r="A30">
            <v>27</v>
          </cell>
          <cell r="C30" t="str">
            <v xml:space="preserve">  　27</v>
          </cell>
          <cell r="D30">
            <v>-2216</v>
          </cell>
          <cell r="E30">
            <v>1871</v>
          </cell>
        </row>
        <row r="31">
          <cell r="A31">
            <v>28</v>
          </cell>
          <cell r="C31" t="str">
            <v xml:space="preserve">  　28</v>
          </cell>
          <cell r="D31">
            <v>-2136</v>
          </cell>
          <cell r="E31">
            <v>1819</v>
          </cell>
        </row>
        <row r="32">
          <cell r="A32">
            <v>29</v>
          </cell>
          <cell r="C32" t="str">
            <v xml:space="preserve">  　29</v>
          </cell>
          <cell r="D32">
            <v>-2056</v>
          </cell>
          <cell r="E32">
            <v>1867</v>
          </cell>
        </row>
        <row r="33">
          <cell r="A33">
            <v>30</v>
          </cell>
          <cell r="C33" t="str">
            <v xml:space="preserve">  　30</v>
          </cell>
          <cell r="D33">
            <v>-1971</v>
          </cell>
          <cell r="E33">
            <v>1786</v>
          </cell>
        </row>
        <row r="34">
          <cell r="A34">
            <v>31</v>
          </cell>
          <cell r="C34" t="str">
            <v xml:space="preserve">  　31</v>
          </cell>
          <cell r="D34">
            <v>-2039</v>
          </cell>
          <cell r="E34">
            <v>1823</v>
          </cell>
        </row>
        <row r="35">
          <cell r="A35">
            <v>32</v>
          </cell>
          <cell r="C35" t="str">
            <v xml:space="preserve">  　32</v>
          </cell>
          <cell r="D35">
            <v>-2128</v>
          </cell>
          <cell r="E35">
            <v>1853</v>
          </cell>
        </row>
        <row r="36">
          <cell r="A36">
            <v>33</v>
          </cell>
          <cell r="C36" t="str">
            <v xml:space="preserve">  　33</v>
          </cell>
          <cell r="D36">
            <v>-2184</v>
          </cell>
          <cell r="E36">
            <v>1879</v>
          </cell>
        </row>
        <row r="37">
          <cell r="A37">
            <v>34</v>
          </cell>
          <cell r="C37" t="str">
            <v xml:space="preserve">  　34</v>
          </cell>
          <cell r="D37">
            <v>-2171</v>
          </cell>
          <cell r="E37">
            <v>1932</v>
          </cell>
        </row>
        <row r="38">
          <cell r="A38">
            <v>35</v>
          </cell>
          <cell r="C38" t="str">
            <v xml:space="preserve">  　35</v>
          </cell>
          <cell r="D38">
            <v>-2148</v>
          </cell>
          <cell r="E38">
            <v>2101</v>
          </cell>
        </row>
        <row r="39">
          <cell r="A39">
            <v>36</v>
          </cell>
          <cell r="C39" t="str">
            <v xml:space="preserve">  　36</v>
          </cell>
          <cell r="D39">
            <v>-2282</v>
          </cell>
          <cell r="E39">
            <v>2164</v>
          </cell>
        </row>
        <row r="40">
          <cell r="A40">
            <v>37</v>
          </cell>
          <cell r="C40" t="str">
            <v xml:space="preserve">  　37</v>
          </cell>
          <cell r="D40">
            <v>-2387</v>
          </cell>
          <cell r="E40">
            <v>2248</v>
          </cell>
        </row>
        <row r="41">
          <cell r="A41">
            <v>38</v>
          </cell>
          <cell r="C41" t="str">
            <v xml:space="preserve">  　38</v>
          </cell>
          <cell r="D41">
            <v>-2455</v>
          </cell>
          <cell r="E41">
            <v>2223</v>
          </cell>
        </row>
        <row r="42">
          <cell r="A42">
            <v>39</v>
          </cell>
          <cell r="C42" t="str">
            <v xml:space="preserve">  　39</v>
          </cell>
          <cell r="D42">
            <v>-2449</v>
          </cell>
          <cell r="E42">
            <v>2152</v>
          </cell>
        </row>
        <row r="43">
          <cell r="A43">
            <v>40</v>
          </cell>
          <cell r="C43" t="str">
            <v xml:space="preserve">  　40</v>
          </cell>
          <cell r="D43">
            <v>-2494</v>
          </cell>
          <cell r="E43">
            <v>2335</v>
          </cell>
        </row>
        <row r="44">
          <cell r="A44">
            <v>41</v>
          </cell>
          <cell r="C44" t="str">
            <v xml:space="preserve">  　41</v>
          </cell>
          <cell r="D44">
            <v>-2406</v>
          </cell>
          <cell r="E44">
            <v>2354</v>
          </cell>
        </row>
        <row r="45">
          <cell r="A45">
            <v>42</v>
          </cell>
          <cell r="C45" t="str">
            <v xml:space="preserve">  　42</v>
          </cell>
          <cell r="D45">
            <v>-2568</v>
          </cell>
          <cell r="E45">
            <v>2426</v>
          </cell>
        </row>
        <row r="46">
          <cell r="A46">
            <v>43</v>
          </cell>
          <cell r="C46" t="str">
            <v xml:space="preserve">  　43</v>
          </cell>
          <cell r="D46">
            <v>-2647</v>
          </cell>
          <cell r="E46">
            <v>2580</v>
          </cell>
        </row>
        <row r="47">
          <cell r="A47">
            <v>44</v>
          </cell>
          <cell r="C47" t="str">
            <v xml:space="preserve">  　44</v>
          </cell>
          <cell r="D47">
            <v>-2993</v>
          </cell>
          <cell r="E47">
            <v>2657</v>
          </cell>
        </row>
        <row r="48">
          <cell r="A48">
            <v>45</v>
          </cell>
          <cell r="C48" t="str">
            <v xml:space="preserve">  　45</v>
          </cell>
          <cell r="D48">
            <v>-2952</v>
          </cell>
          <cell r="E48">
            <v>2796</v>
          </cell>
        </row>
        <row r="49">
          <cell r="A49">
            <v>46</v>
          </cell>
          <cell r="C49" t="str">
            <v xml:space="preserve">  　46</v>
          </cell>
          <cell r="D49">
            <v>-3164</v>
          </cell>
          <cell r="E49">
            <v>2882</v>
          </cell>
        </row>
        <row r="50">
          <cell r="A50">
            <v>47</v>
          </cell>
          <cell r="C50" t="str">
            <v xml:space="preserve">  　47</v>
          </cell>
          <cell r="D50">
            <v>-3309</v>
          </cell>
          <cell r="E50">
            <v>3284</v>
          </cell>
        </row>
        <row r="51">
          <cell r="A51">
            <v>48</v>
          </cell>
          <cell r="C51" t="str">
            <v xml:space="preserve">  　48</v>
          </cell>
          <cell r="D51">
            <v>-3501</v>
          </cell>
          <cell r="E51">
            <v>3386</v>
          </cell>
        </row>
        <row r="52">
          <cell r="A52">
            <v>49</v>
          </cell>
          <cell r="C52" t="str">
            <v xml:space="preserve">  　49</v>
          </cell>
          <cell r="D52">
            <v>-3544</v>
          </cell>
          <cell r="E52">
            <v>3396</v>
          </cell>
        </row>
        <row r="53">
          <cell r="A53">
            <v>50</v>
          </cell>
          <cell r="C53" t="str">
            <v xml:space="preserve">  　50</v>
          </cell>
          <cell r="D53">
            <v>-3518</v>
          </cell>
          <cell r="E53">
            <v>3367</v>
          </cell>
        </row>
        <row r="54">
          <cell r="A54">
            <v>51</v>
          </cell>
          <cell r="C54" t="str">
            <v xml:space="preserve">  　51</v>
          </cell>
          <cell r="D54">
            <v>-3281</v>
          </cell>
          <cell r="E54">
            <v>3227</v>
          </cell>
        </row>
        <row r="55">
          <cell r="A55">
            <v>52</v>
          </cell>
          <cell r="C55" t="str">
            <v xml:space="preserve">  　52</v>
          </cell>
          <cell r="D55">
            <v>-3167</v>
          </cell>
          <cell r="E55">
            <v>2945</v>
          </cell>
        </row>
        <row r="56">
          <cell r="A56">
            <v>53</v>
          </cell>
          <cell r="C56" t="str">
            <v xml:space="preserve">  　53</v>
          </cell>
          <cell r="D56">
            <v>-3172</v>
          </cell>
          <cell r="E56">
            <v>2914</v>
          </cell>
        </row>
        <row r="57">
          <cell r="A57">
            <v>54</v>
          </cell>
          <cell r="C57" t="str">
            <v xml:space="preserve">  　54</v>
          </cell>
          <cell r="D57">
            <v>-2886</v>
          </cell>
          <cell r="E57">
            <v>2887</v>
          </cell>
        </row>
        <row r="58">
          <cell r="A58">
            <v>55</v>
          </cell>
          <cell r="C58" t="str">
            <v xml:space="preserve">  　55</v>
          </cell>
          <cell r="D58">
            <v>-2865</v>
          </cell>
          <cell r="E58">
            <v>2833</v>
          </cell>
        </row>
        <row r="59">
          <cell r="A59">
            <v>56</v>
          </cell>
          <cell r="C59" t="str">
            <v xml:space="preserve">  　56</v>
          </cell>
          <cell r="D59">
            <v>-2134</v>
          </cell>
          <cell r="E59">
            <v>2164</v>
          </cell>
        </row>
        <row r="60">
          <cell r="A60">
            <v>57</v>
          </cell>
          <cell r="C60" t="str">
            <v xml:space="preserve">  　57</v>
          </cell>
          <cell r="D60">
            <v>-2631</v>
          </cell>
          <cell r="E60">
            <v>2732</v>
          </cell>
        </row>
        <row r="61">
          <cell r="A61">
            <v>58</v>
          </cell>
          <cell r="C61" t="str">
            <v xml:space="preserve">  　58</v>
          </cell>
          <cell r="D61">
            <v>-2544</v>
          </cell>
          <cell r="E61">
            <v>2516</v>
          </cell>
        </row>
        <row r="62">
          <cell r="A62">
            <v>59</v>
          </cell>
          <cell r="C62" t="str">
            <v xml:space="preserve">  　59</v>
          </cell>
          <cell r="D62">
            <v>-2558</v>
          </cell>
          <cell r="E62">
            <v>2534</v>
          </cell>
        </row>
        <row r="63">
          <cell r="A63">
            <v>60</v>
          </cell>
          <cell r="C63" t="str">
            <v xml:space="preserve">  　60</v>
          </cell>
          <cell r="D63">
            <v>-2274</v>
          </cell>
          <cell r="E63">
            <v>2279</v>
          </cell>
        </row>
        <row r="64">
          <cell r="A64">
            <v>61</v>
          </cell>
          <cell r="C64" t="str">
            <v xml:space="preserve">  　61</v>
          </cell>
          <cell r="D64">
            <v>-2279</v>
          </cell>
          <cell r="E64">
            <v>2459</v>
          </cell>
        </row>
        <row r="65">
          <cell r="A65">
            <v>62</v>
          </cell>
          <cell r="C65" t="str">
            <v xml:space="preserve">  　62</v>
          </cell>
          <cell r="D65">
            <v>-2369</v>
          </cell>
          <cell r="E65">
            <v>2403</v>
          </cell>
        </row>
        <row r="66">
          <cell r="A66">
            <v>63</v>
          </cell>
          <cell r="C66" t="str">
            <v xml:space="preserve">  　63</v>
          </cell>
          <cell r="D66">
            <v>-2297</v>
          </cell>
          <cell r="E66">
            <v>2444</v>
          </cell>
        </row>
        <row r="67">
          <cell r="A67">
            <v>64</v>
          </cell>
          <cell r="C67" t="str">
            <v xml:space="preserve">  　64</v>
          </cell>
          <cell r="D67">
            <v>-2223</v>
          </cell>
          <cell r="E67">
            <v>2356</v>
          </cell>
        </row>
        <row r="68">
          <cell r="A68">
            <v>65</v>
          </cell>
          <cell r="C68" t="str">
            <v xml:space="preserve">  　65</v>
          </cell>
          <cell r="D68">
            <v>-2194</v>
          </cell>
          <cell r="E68">
            <v>2250</v>
          </cell>
        </row>
        <row r="69">
          <cell r="A69">
            <v>66</v>
          </cell>
          <cell r="C69" t="str">
            <v xml:space="preserve">  　66</v>
          </cell>
          <cell r="D69">
            <v>-2248</v>
          </cell>
          <cell r="E69">
            <v>2421</v>
          </cell>
        </row>
        <row r="70">
          <cell r="A70">
            <v>67</v>
          </cell>
          <cell r="C70" t="str">
            <v xml:space="preserve">  　67</v>
          </cell>
          <cell r="D70">
            <v>-2467</v>
          </cell>
          <cell r="E70">
            <v>2657</v>
          </cell>
        </row>
        <row r="71">
          <cell r="A71">
            <v>68</v>
          </cell>
          <cell r="C71" t="str">
            <v xml:space="preserve">  　68</v>
          </cell>
          <cell r="D71">
            <v>-2391</v>
          </cell>
          <cell r="E71">
            <v>2534</v>
          </cell>
        </row>
        <row r="72">
          <cell r="A72">
            <v>69</v>
          </cell>
          <cell r="C72" t="str">
            <v xml:space="preserve">  　69</v>
          </cell>
          <cell r="D72">
            <v>-2559</v>
          </cell>
          <cell r="E72">
            <v>2837</v>
          </cell>
        </row>
        <row r="73">
          <cell r="A73">
            <v>70</v>
          </cell>
          <cell r="C73" t="str">
            <v xml:space="preserve">  　70</v>
          </cell>
          <cell r="D73">
            <v>-2561</v>
          </cell>
          <cell r="E73">
            <v>2791</v>
          </cell>
        </row>
        <row r="74">
          <cell r="A74">
            <v>71</v>
          </cell>
          <cell r="C74" t="str">
            <v xml:space="preserve">  　71</v>
          </cell>
          <cell r="D74">
            <v>-2620</v>
          </cell>
          <cell r="E74">
            <v>2981</v>
          </cell>
        </row>
        <row r="75">
          <cell r="A75">
            <v>72</v>
          </cell>
          <cell r="C75" t="str">
            <v xml:space="preserve">  　72</v>
          </cell>
          <cell r="D75">
            <v>-2955</v>
          </cell>
          <cell r="E75">
            <v>3404</v>
          </cell>
        </row>
        <row r="76">
          <cell r="A76">
            <v>73</v>
          </cell>
          <cell r="C76" t="str">
            <v xml:space="preserve">  　73</v>
          </cell>
          <cell r="D76">
            <v>-3311</v>
          </cell>
          <cell r="E76">
            <v>3680</v>
          </cell>
        </row>
        <row r="77">
          <cell r="A77">
            <v>74</v>
          </cell>
          <cell r="C77" t="str">
            <v xml:space="preserve">  　74</v>
          </cell>
          <cell r="D77">
            <v>-3268</v>
          </cell>
          <cell r="E77">
            <v>3772</v>
          </cell>
        </row>
        <row r="78">
          <cell r="A78">
            <v>75</v>
          </cell>
          <cell r="C78" t="str">
            <v xml:space="preserve">  　75</v>
          </cell>
          <cell r="D78">
            <v>-3351</v>
          </cell>
          <cell r="E78">
            <v>4090</v>
          </cell>
        </row>
        <row r="79">
          <cell r="A79">
            <v>76</v>
          </cell>
          <cell r="C79" t="str">
            <v xml:space="preserve">  　76</v>
          </cell>
          <cell r="D79">
            <v>-1694</v>
          </cell>
          <cell r="E79">
            <v>2044</v>
          </cell>
        </row>
        <row r="80">
          <cell r="A80">
            <v>77</v>
          </cell>
          <cell r="C80" t="str">
            <v xml:space="preserve">  　77</v>
          </cell>
          <cell r="D80">
            <v>-1792</v>
          </cell>
          <cell r="E80">
            <v>2244</v>
          </cell>
        </row>
        <row r="81">
          <cell r="A81">
            <v>78</v>
          </cell>
          <cell r="C81" t="str">
            <v xml:space="preserve">  　78</v>
          </cell>
          <cell r="D81">
            <v>-2242</v>
          </cell>
          <cell r="E81">
            <v>2974</v>
          </cell>
        </row>
        <row r="82">
          <cell r="A82">
            <v>79</v>
          </cell>
          <cell r="C82" t="str">
            <v xml:space="preserve">  　79</v>
          </cell>
          <cell r="D82">
            <v>-2027</v>
          </cell>
          <cell r="E82">
            <v>2684</v>
          </cell>
        </row>
        <row r="83">
          <cell r="A83">
            <v>80</v>
          </cell>
          <cell r="C83" t="str">
            <v xml:space="preserve">  　80</v>
          </cell>
          <cell r="D83">
            <v>-2133</v>
          </cell>
          <cell r="E83">
            <v>2886</v>
          </cell>
        </row>
        <row r="84">
          <cell r="A84">
            <v>81</v>
          </cell>
          <cell r="C84" t="str">
            <v xml:space="preserve">  　81</v>
          </cell>
          <cell r="D84">
            <v>-1857</v>
          </cell>
          <cell r="E84">
            <v>2569</v>
          </cell>
        </row>
        <row r="85">
          <cell r="A85">
            <v>82</v>
          </cell>
          <cell r="C85" t="str">
            <v xml:space="preserve">  　82</v>
          </cell>
          <cell r="D85">
            <v>-1599</v>
          </cell>
          <cell r="E85">
            <v>2223</v>
          </cell>
        </row>
        <row r="86">
          <cell r="A86">
            <v>83</v>
          </cell>
          <cell r="C86" t="str">
            <v xml:space="preserve">  　83</v>
          </cell>
          <cell r="D86">
            <v>-1255</v>
          </cell>
          <cell r="E86">
            <v>1830</v>
          </cell>
        </row>
        <row r="87">
          <cell r="A87">
            <v>84</v>
          </cell>
          <cell r="C87" t="str">
            <v xml:space="preserve">  　84</v>
          </cell>
          <cell r="D87">
            <v>-1211</v>
          </cell>
          <cell r="E87">
            <v>1863</v>
          </cell>
        </row>
        <row r="88">
          <cell r="A88">
            <v>85</v>
          </cell>
          <cell r="C88" t="str">
            <v xml:space="preserve">  　85</v>
          </cell>
          <cell r="D88">
            <v>-1185</v>
          </cell>
          <cell r="E88">
            <v>1948</v>
          </cell>
        </row>
        <row r="89">
          <cell r="A89">
            <v>86</v>
          </cell>
          <cell r="C89" t="str">
            <v xml:space="preserve">  　86</v>
          </cell>
          <cell r="D89">
            <v>-1112</v>
          </cell>
          <cell r="E89">
            <v>2096</v>
          </cell>
        </row>
        <row r="90">
          <cell r="A90">
            <v>87</v>
          </cell>
          <cell r="C90" t="str">
            <v xml:space="preserve">  　87</v>
          </cell>
          <cell r="D90">
            <v>-884</v>
          </cell>
          <cell r="E90">
            <v>1580</v>
          </cell>
        </row>
        <row r="91">
          <cell r="A91">
            <v>88</v>
          </cell>
          <cell r="C91" t="str">
            <v xml:space="preserve">  　88</v>
          </cell>
          <cell r="D91">
            <v>-819</v>
          </cell>
          <cell r="E91">
            <v>1619</v>
          </cell>
        </row>
        <row r="92">
          <cell r="A92">
            <v>89</v>
          </cell>
          <cell r="C92" t="str">
            <v xml:space="preserve">  　89</v>
          </cell>
          <cell r="D92">
            <v>-667</v>
          </cell>
          <cell r="E92">
            <v>1577</v>
          </cell>
        </row>
        <row r="93">
          <cell r="A93">
            <v>90</v>
          </cell>
          <cell r="C93" t="str">
            <v xml:space="preserve">  　90</v>
          </cell>
          <cell r="D93">
            <v>-496</v>
          </cell>
          <cell r="E93">
            <v>1389</v>
          </cell>
        </row>
        <row r="94">
          <cell r="A94">
            <v>91</v>
          </cell>
          <cell r="C94" t="str">
            <v xml:space="preserve">  　91</v>
          </cell>
          <cell r="D94">
            <v>-446</v>
          </cell>
          <cell r="E94">
            <v>1200</v>
          </cell>
        </row>
        <row r="95">
          <cell r="A95">
            <v>92</v>
          </cell>
          <cell r="C95" t="str">
            <v xml:space="preserve">  　92</v>
          </cell>
          <cell r="D95">
            <v>-346</v>
          </cell>
          <cell r="E95">
            <v>967</v>
          </cell>
        </row>
        <row r="96">
          <cell r="A96">
            <v>93</v>
          </cell>
          <cell r="C96" t="str">
            <v xml:space="preserve">  　93</v>
          </cell>
          <cell r="D96">
            <v>-258</v>
          </cell>
          <cell r="E96">
            <v>883</v>
          </cell>
        </row>
        <row r="97">
          <cell r="A97">
            <v>94</v>
          </cell>
          <cell r="C97" t="str">
            <v xml:space="preserve">  　94</v>
          </cell>
          <cell r="D97">
            <v>-220</v>
          </cell>
          <cell r="E97">
            <v>659</v>
          </cell>
        </row>
        <row r="98">
          <cell r="A98">
            <v>95</v>
          </cell>
          <cell r="C98" t="str">
            <v xml:space="preserve">  　95</v>
          </cell>
          <cell r="D98">
            <v>-153</v>
          </cell>
          <cell r="E98">
            <v>533</v>
          </cell>
        </row>
        <row r="99">
          <cell r="A99">
            <v>96</v>
          </cell>
          <cell r="C99" t="str">
            <v xml:space="preserve">  　96</v>
          </cell>
          <cell r="D99">
            <v>-117</v>
          </cell>
          <cell r="E99">
            <v>437</v>
          </cell>
        </row>
        <row r="100">
          <cell r="A100">
            <v>97</v>
          </cell>
          <cell r="C100" t="str">
            <v xml:space="preserve">  　97</v>
          </cell>
          <cell r="D100">
            <v>-59</v>
          </cell>
          <cell r="E100">
            <v>368</v>
          </cell>
        </row>
        <row r="101">
          <cell r="A101">
            <v>98</v>
          </cell>
          <cell r="C101" t="str">
            <v xml:space="preserve">  　98</v>
          </cell>
          <cell r="D101">
            <v>-53</v>
          </cell>
          <cell r="E101">
            <v>222</v>
          </cell>
        </row>
        <row r="102">
          <cell r="A102">
            <v>99</v>
          </cell>
          <cell r="C102" t="str">
            <v xml:space="preserve">  　99</v>
          </cell>
          <cell r="D102">
            <v>-26</v>
          </cell>
          <cell r="E102">
            <v>169</v>
          </cell>
        </row>
        <row r="103">
          <cell r="A103">
            <v>100</v>
          </cell>
          <cell r="C103" t="str">
            <v xml:space="preserve">   100</v>
          </cell>
          <cell r="D103">
            <v>-18</v>
          </cell>
          <cell r="E103">
            <v>139</v>
          </cell>
        </row>
        <row r="104">
          <cell r="A104" t="str">
            <v xml:space="preserve">   101-</v>
          </cell>
          <cell r="C104" t="str">
            <v xml:space="preserve">   101-</v>
          </cell>
          <cell r="D104">
            <v>-20</v>
          </cell>
          <cell r="E104">
            <v>176</v>
          </cell>
        </row>
        <row r="105">
          <cell r="D105">
            <v>0</v>
          </cell>
          <cell r="E105">
            <v>0</v>
          </cell>
        </row>
      </sheetData>
      <sheetData sheetId="3"/>
      <sheetData sheetId="4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936409-C1CF-4A28-B67D-B26B248A7EEC}">
  <sheetPr codeName="Sheet2">
    <pageSetUpPr fitToPage="1"/>
  </sheetPr>
  <dimension ref="A2:K2"/>
  <sheetViews>
    <sheetView tabSelected="1" defaultGridColor="0" colorId="9" zoomScaleNormal="100" workbookViewId="0">
      <selection activeCell="A2" sqref="A2:K2"/>
    </sheetView>
  </sheetViews>
  <sheetFormatPr defaultRowHeight="13.2" x14ac:dyDescent="0.2"/>
  <sheetData>
    <row r="2" spans="1:11" ht="19.2" x14ac:dyDescent="0.25">
      <c r="A2" s="1" t="s">
        <v>0</v>
      </c>
      <c r="B2" s="1"/>
      <c r="C2" s="1"/>
      <c r="D2" s="1"/>
      <c r="E2" s="1"/>
      <c r="F2" s="1"/>
      <c r="G2" s="1"/>
      <c r="H2" s="1"/>
      <c r="I2" s="1"/>
      <c r="J2" s="1"/>
      <c r="K2" s="1"/>
    </row>
  </sheetData>
  <mergeCells count="1">
    <mergeCell ref="A2:K2"/>
  </mergeCells>
  <phoneticPr fontId="2"/>
  <pageMargins left="0.78740157480314965" right="0.31496062992125984" top="0.51181102362204722" bottom="0.86614173228346458" header="0.51181102362204722" footer="0.51181102362204722"/>
  <pageSetup paperSize="9" scale="81" firstPageNumber="15" orientation="portrait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２．ピラミッ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0-20T02:35:10Z</dcterms:created>
  <dcterms:modified xsi:type="dcterms:W3CDTF">2022-10-20T02:36:22Z</dcterms:modified>
</cp:coreProperties>
</file>